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2年度分\☆HP原稿\02_項目別（統計以降）（Excel）\02_指標\"/>
    </mc:Choice>
  </mc:AlternateContent>
  <bookViews>
    <workbookView xWindow="0" yWindow="0" windowWidth="19200" windowHeight="7200"/>
  </bookViews>
  <sheets>
    <sheet name="給付 (1)～(4)" sheetId="1" r:id="rId1"/>
    <sheet name="給付（５）" sheetId="2" r:id="rId2"/>
    <sheet name="給付（６）" sheetId="3" r:id="rId3"/>
    <sheet name="給付（７）" sheetId="4" r:id="rId4"/>
    <sheet name="給付（８）" sheetId="5" r:id="rId5"/>
    <sheet name="給付（９）" sheetId="6" r:id="rId6"/>
  </sheets>
  <externalReferences>
    <externalReference r:id="rId7"/>
    <externalReference r:id="rId8"/>
    <externalReference r:id="rId9"/>
  </externalReferences>
  <definedNames>
    <definedName name="_Fill" localSheetId="1" hidden="1">#REF!</definedName>
    <definedName name="_Fill" localSheetId="2" hidden="1">#REF!</definedName>
    <definedName name="_Fill" localSheetId="3" hidden="1">#REF!</definedName>
    <definedName name="_Fill" localSheetId="4" hidden="1">#REF!</definedName>
    <definedName name="_Fill" localSheetId="5" hidden="1">#REF!</definedName>
    <definedName name="_Fill" hidden="1">#REF!</definedName>
    <definedName name="_Key1" localSheetId="0" hidden="1">#REF!</definedName>
    <definedName name="_Key1" localSheetId="1" hidden="1">#REF!</definedName>
    <definedName name="_Key1" localSheetId="2" hidden="1">#REF!</definedName>
    <definedName name="_Key1" localSheetId="3" hidden="1">#REF!</definedName>
    <definedName name="_Key1" localSheetId="4" hidden="1">#REF!</definedName>
    <definedName name="_Key1" localSheetId="5" hidden="1">#REF!</definedName>
    <definedName name="_Key1" hidden="1">#REF!</definedName>
    <definedName name="_Order1" hidden="1">0</definedName>
    <definedName name="\a" localSheetId="1">#REF!</definedName>
    <definedName name="\a" localSheetId="2">#REF!</definedName>
    <definedName name="\a" localSheetId="3">#REF!</definedName>
    <definedName name="\a" localSheetId="4">#REF!</definedName>
    <definedName name="\a" localSheetId="5">#REF!</definedName>
    <definedName name="\a">#REF!</definedName>
    <definedName name="\b" localSheetId="0">#REF!</definedName>
    <definedName name="\b" localSheetId="1">#REF!</definedName>
    <definedName name="\b" localSheetId="2">#REF!</definedName>
    <definedName name="\b" localSheetId="3">#REF!</definedName>
    <definedName name="\b" localSheetId="4">#REF!</definedName>
    <definedName name="\b" localSheetId="5">#REF!</definedName>
    <definedName name="\b">#REF!</definedName>
    <definedName name="_xlnm.Print_Area" localSheetId="0">'給付 (1)～(4)'!$A$1:$AJ$198</definedName>
    <definedName name="_xlnm.Print_Area" localSheetId="1">'給付（５）'!$A$1:$Q$51</definedName>
    <definedName name="_xlnm.Print_Area" localSheetId="2">'給付（６）'!$A$1:$Q$51</definedName>
    <definedName name="_xlnm.Print_Area" localSheetId="3">'給付（７）'!$A$1:$Q$51</definedName>
    <definedName name="_xlnm.Print_Area" localSheetId="4">'給付（８）'!$A$1:$Q$47</definedName>
    <definedName name="_xlnm.Print_Area" localSheetId="5">'給付（９）'!$A$1:$W$48</definedName>
    <definedName name="年齢階層" hidden="1">#REF!</definedName>
    <definedName name="年齢階層２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97" uniqueCount="209">
  <si>
    <t>－</t>
    <phoneticPr fontId="0"/>
  </si>
  <si>
    <t>－</t>
    <phoneticPr fontId="0"/>
  </si>
  <si>
    <t>－</t>
    <phoneticPr fontId="0"/>
  </si>
  <si>
    <t>県       平       均</t>
    <phoneticPr fontId="0"/>
  </si>
  <si>
    <t>組  合  平  均</t>
    <phoneticPr fontId="0"/>
  </si>
  <si>
    <t>組  合  平  均</t>
    <phoneticPr fontId="0"/>
  </si>
  <si>
    <t>市町村平均</t>
  </si>
  <si>
    <t>町村部平均</t>
  </si>
  <si>
    <t>市  部  平  均</t>
    <phoneticPr fontId="0"/>
  </si>
  <si>
    <t>市  部  平  均</t>
    <phoneticPr fontId="0"/>
  </si>
  <si>
    <t xml:space="preserve"> 建設連合</t>
    <phoneticPr fontId="0"/>
  </si>
  <si>
    <t xml:space="preserve"> 建設業</t>
    <phoneticPr fontId="0"/>
  </si>
  <si>
    <t xml:space="preserve"> 薬剤師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 xml:space="preserve"> 歯科医師</t>
    <phoneticPr fontId="0"/>
  </si>
  <si>
    <t xml:space="preserve"> 医　師</t>
    <phoneticPr fontId="0"/>
  </si>
  <si>
    <t xml:space="preserve"> 清川村</t>
  </si>
  <si>
    <t xml:space="preserve"> 愛川町</t>
  </si>
  <si>
    <t xml:space="preserve"> 湯河原町</t>
  </si>
  <si>
    <t xml:space="preserve"> 真鶴町</t>
  </si>
  <si>
    <t xml:space="preserve"> 箱根町</t>
  </si>
  <si>
    <t xml:space="preserve"> 開成町</t>
  </si>
  <si>
    <t xml:space="preserve"> 山北町</t>
  </si>
  <si>
    <t xml:space="preserve"> 松田町</t>
  </si>
  <si>
    <t xml:space="preserve"> 大井町</t>
  </si>
  <si>
    <t xml:space="preserve"> 中井町</t>
  </si>
  <si>
    <t xml:space="preserve"> 二宮町</t>
  </si>
  <si>
    <t xml:space="preserve"> 大磯町</t>
  </si>
  <si>
    <t xml:space="preserve"> 綾瀬市</t>
  </si>
  <si>
    <t xml:space="preserve"> 寒川町</t>
  </si>
  <si>
    <t xml:space="preserve"> 葉山町</t>
  </si>
  <si>
    <t xml:space="preserve"> 南足柄市</t>
  </si>
  <si>
    <t xml:space="preserve"> 座間市</t>
  </si>
  <si>
    <t xml:space="preserve"> 海老名市</t>
  </si>
  <si>
    <t xml:space="preserve"> 伊勢原市</t>
  </si>
  <si>
    <t xml:space="preserve"> 大和市</t>
  </si>
  <si>
    <t xml:space="preserve"> 厚木市</t>
  </si>
  <si>
    <t xml:space="preserve"> 秦野市</t>
  </si>
  <si>
    <t xml:space="preserve"> 三浦市</t>
  </si>
  <si>
    <t xml:space="preserve"> 相模原市</t>
  </si>
  <si>
    <t xml:space="preserve"> 逗子市</t>
  </si>
  <si>
    <t xml:space="preserve"> 茅ヶ崎市</t>
  </si>
  <si>
    <t xml:space="preserve"> 小田原市</t>
  </si>
  <si>
    <t xml:space="preserve"> 藤沢市</t>
  </si>
  <si>
    <t xml:space="preserve"> 鎌倉市</t>
  </si>
  <si>
    <t xml:space="preserve"> 平塚市</t>
  </si>
  <si>
    <t xml:space="preserve"> 横須賀市</t>
  </si>
  <si>
    <t xml:space="preserve"> 川崎市</t>
  </si>
  <si>
    <t xml:space="preserve"> 横浜市</t>
  </si>
  <si>
    <t>順位</t>
  </si>
  <si>
    <t>件</t>
  </si>
  <si>
    <t>被保険者全体</t>
  </si>
  <si>
    <t>前期高齢者</t>
    <rPh sb="0" eb="2">
      <t>ゼンキ</t>
    </rPh>
    <rPh sb="2" eb="5">
      <t>コウレイシャ</t>
    </rPh>
    <phoneticPr fontId="0"/>
  </si>
  <si>
    <t>退職者</t>
    <rPh sb="0" eb="3">
      <t>タイショクシャ</t>
    </rPh>
    <phoneticPr fontId="0"/>
  </si>
  <si>
    <t>一般</t>
    <rPh sb="0" eb="2">
      <t>イッパン</t>
    </rPh>
    <phoneticPr fontId="0"/>
  </si>
  <si>
    <t>退職者</t>
    <rPh sb="0" eb="2">
      <t>タイショク</t>
    </rPh>
    <rPh sb="2" eb="3">
      <t>シャ</t>
    </rPh>
    <phoneticPr fontId="0"/>
  </si>
  <si>
    <t>総      計</t>
    <phoneticPr fontId="0"/>
  </si>
  <si>
    <t>歯      科</t>
    <rPh sb="0" eb="1">
      <t>ハ</t>
    </rPh>
    <rPh sb="7" eb="8">
      <t>カ</t>
    </rPh>
    <phoneticPr fontId="0"/>
  </si>
  <si>
    <t>保険者名</t>
  </si>
  <si>
    <t>入院外</t>
    <rPh sb="0" eb="2">
      <t>ニュウイン</t>
    </rPh>
    <rPh sb="2" eb="3">
      <t>ガイ</t>
    </rPh>
    <phoneticPr fontId="0"/>
  </si>
  <si>
    <t>入      院</t>
    <rPh sb="0" eb="1">
      <t>イリ</t>
    </rPh>
    <rPh sb="7" eb="8">
      <t>イン</t>
    </rPh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４）　１００人当たり受診件数の状況(</t>
    </r>
    <r>
      <rPr>
        <sz val="11"/>
        <rFont val="ＭＳ Ｐゴシック"/>
        <family val="3"/>
        <charset val="128"/>
      </rPr>
      <t>2)</t>
    </r>
    <phoneticPr fontId="0"/>
  </si>
  <si>
    <t>３.　給付（４）　１００人当たり受診件数の状況(1)</t>
    <phoneticPr fontId="3"/>
  </si>
  <si>
    <t>－</t>
    <phoneticPr fontId="0"/>
  </si>
  <si>
    <t>－</t>
    <phoneticPr fontId="0"/>
  </si>
  <si>
    <t>－</t>
    <phoneticPr fontId="0"/>
  </si>
  <si>
    <t>－</t>
    <phoneticPr fontId="0"/>
  </si>
  <si>
    <t>県       平       均</t>
    <phoneticPr fontId="0"/>
  </si>
  <si>
    <t>県       平       均</t>
    <phoneticPr fontId="0"/>
  </si>
  <si>
    <t>組  合  平  均</t>
    <phoneticPr fontId="0"/>
  </si>
  <si>
    <t>市  部  平  均</t>
    <phoneticPr fontId="0"/>
  </si>
  <si>
    <t xml:space="preserve"> 建設連合</t>
    <phoneticPr fontId="0"/>
  </si>
  <si>
    <t xml:space="preserve"> 建設連合</t>
    <phoneticPr fontId="0"/>
  </si>
  <si>
    <t xml:space="preserve"> 建設業</t>
    <phoneticPr fontId="0"/>
  </si>
  <si>
    <t xml:space="preserve"> 建設業</t>
    <phoneticPr fontId="0"/>
  </si>
  <si>
    <t xml:space="preserve"> 薬剤師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>日</t>
    <rPh sb="0" eb="1">
      <t>ニチ</t>
    </rPh>
    <phoneticPr fontId="0"/>
  </si>
  <si>
    <t>総      計</t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３）　一件当たり日数の状況(</t>
    </r>
    <r>
      <rPr>
        <sz val="11"/>
        <rFont val="ＭＳ Ｐゴシック"/>
        <family val="3"/>
        <charset val="128"/>
      </rPr>
      <t>2)</t>
    </r>
    <phoneticPr fontId="0"/>
  </si>
  <si>
    <t>３.　給付（３）　一件当たり日数の状況(1)</t>
    <phoneticPr fontId="0"/>
  </si>
  <si>
    <t>（注）入院の医療費には食事療養・生活療養、入院外の医療費には調剤の医療費をそれぞれ合算しており、訪問看護は総計のみに計上している。（療養費等は医療費に含まない。)</t>
    <rPh sb="3" eb="5">
      <t>ニュウイン</t>
    </rPh>
    <rPh sb="6" eb="8">
      <t>イリョウ</t>
    </rPh>
    <rPh sb="8" eb="9">
      <t>ヒ</t>
    </rPh>
    <rPh sb="11" eb="13">
      <t>ショクジ</t>
    </rPh>
    <rPh sb="13" eb="15">
      <t>リョウヨウ</t>
    </rPh>
    <rPh sb="16" eb="18">
      <t>セイカツ</t>
    </rPh>
    <rPh sb="18" eb="20">
      <t>リョウヨウ</t>
    </rPh>
    <rPh sb="21" eb="23">
      <t>ニュウイン</t>
    </rPh>
    <rPh sb="23" eb="24">
      <t>ガイ</t>
    </rPh>
    <rPh sb="25" eb="27">
      <t>イリョウ</t>
    </rPh>
    <rPh sb="27" eb="28">
      <t>ヒ</t>
    </rPh>
    <rPh sb="30" eb="32">
      <t>チョウザイ</t>
    </rPh>
    <rPh sb="33" eb="35">
      <t>イリョウ</t>
    </rPh>
    <rPh sb="35" eb="36">
      <t>ヒ</t>
    </rPh>
    <rPh sb="41" eb="43">
      <t>ガッサン</t>
    </rPh>
    <rPh sb="48" eb="50">
      <t>ホウモン</t>
    </rPh>
    <rPh sb="50" eb="52">
      <t>カンゴ</t>
    </rPh>
    <rPh sb="53" eb="55">
      <t>ソウケイ</t>
    </rPh>
    <rPh sb="58" eb="60">
      <t>ケイジョウ</t>
    </rPh>
    <phoneticPr fontId="0"/>
  </si>
  <si>
    <t>－</t>
  </si>
  <si>
    <t>－</t>
    <phoneticPr fontId="0"/>
  </si>
  <si>
    <t>県       平       均</t>
    <phoneticPr fontId="0"/>
  </si>
  <si>
    <t>組  合  平  均</t>
    <phoneticPr fontId="0"/>
  </si>
  <si>
    <t>市  部  平  均</t>
    <phoneticPr fontId="0"/>
  </si>
  <si>
    <t xml:space="preserve"> 建設連合</t>
    <phoneticPr fontId="0"/>
  </si>
  <si>
    <t xml:space="preserve"> 建設業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 xml:space="preserve"> 医　師</t>
    <phoneticPr fontId="0"/>
  </si>
  <si>
    <t>円</t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２）　一日当たり医療費の状況(</t>
    </r>
    <r>
      <rPr>
        <sz val="11"/>
        <rFont val="ＭＳ Ｐゴシック"/>
        <family val="3"/>
        <charset val="128"/>
      </rPr>
      <t>2)</t>
    </r>
    <rPh sb="14" eb="15">
      <t>イ</t>
    </rPh>
    <phoneticPr fontId="0"/>
  </si>
  <si>
    <t>３.　給付（２）　一日当たり医療費の状況(1)</t>
    <rPh sb="14" eb="15">
      <t>イ</t>
    </rPh>
    <phoneticPr fontId="0"/>
  </si>
  <si>
    <t>（注）入院の医療費には食事療養・生活療養、入院外の医療費には調剤の医療費をそれぞれ合算しており、訪問看護及び療養費等は総計のみに計上している。</t>
    <rPh sb="1" eb="2">
      <t>チュウ</t>
    </rPh>
    <rPh sb="3" eb="5">
      <t>ニュウイン</t>
    </rPh>
    <rPh sb="6" eb="8">
      <t>イリョウ</t>
    </rPh>
    <rPh sb="8" eb="9">
      <t>ヒ</t>
    </rPh>
    <rPh sb="11" eb="13">
      <t>ショクジ</t>
    </rPh>
    <rPh sb="13" eb="15">
      <t>リョウヨウ</t>
    </rPh>
    <rPh sb="16" eb="18">
      <t>セイカツ</t>
    </rPh>
    <rPh sb="18" eb="20">
      <t>リョウヨウ</t>
    </rPh>
    <rPh sb="21" eb="23">
      <t>ニュウイン</t>
    </rPh>
    <rPh sb="23" eb="24">
      <t>ガイ</t>
    </rPh>
    <rPh sb="25" eb="27">
      <t>イリョウ</t>
    </rPh>
    <rPh sb="27" eb="28">
      <t>ヒ</t>
    </rPh>
    <rPh sb="30" eb="32">
      <t>チョウザイ</t>
    </rPh>
    <rPh sb="33" eb="35">
      <t>イリョウ</t>
    </rPh>
    <rPh sb="35" eb="36">
      <t>ヒ</t>
    </rPh>
    <rPh sb="41" eb="43">
      <t>ガッサン</t>
    </rPh>
    <rPh sb="48" eb="50">
      <t>ホウモン</t>
    </rPh>
    <rPh sb="50" eb="52">
      <t>カンゴ</t>
    </rPh>
    <rPh sb="52" eb="53">
      <t>オヨ</t>
    </rPh>
    <rPh sb="54" eb="58">
      <t>リョウヨウヒトウ</t>
    </rPh>
    <rPh sb="59" eb="61">
      <t>ソウケイ</t>
    </rPh>
    <rPh sb="64" eb="66">
      <t>ケイジョウ</t>
    </rPh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</t>
    </r>
    <r>
      <rPr>
        <sz val="11"/>
        <rFont val="ＭＳ Ｐゴシック"/>
        <family val="3"/>
        <charset val="128"/>
      </rPr>
      <t>（１）　一人当たり医療費の状況(2)</t>
    </r>
    <rPh sb="3" eb="5">
      <t>キュウフ</t>
    </rPh>
    <rPh sb="14" eb="15">
      <t>イ</t>
    </rPh>
    <phoneticPr fontId="0"/>
  </si>
  <si>
    <t>３.　給付（１）　一人当たり医療費の状況(1)</t>
    <rPh sb="14" eb="15">
      <t>イ</t>
    </rPh>
    <phoneticPr fontId="0"/>
  </si>
  <si>
    <t>県    平    均</t>
    <phoneticPr fontId="8"/>
  </si>
  <si>
    <t>組 合 平 均</t>
    <phoneticPr fontId="8"/>
  </si>
  <si>
    <t xml:space="preserve"> 建設連合</t>
  </si>
  <si>
    <t xml:space="preserve"> 建設業</t>
  </si>
  <si>
    <t xml:space="preserve"> 薬剤師</t>
  </si>
  <si>
    <t xml:space="preserve"> 食品衛生</t>
  </si>
  <si>
    <t xml:space="preserve"> 歯科医師</t>
  </si>
  <si>
    <t xml:space="preserve"> 医師</t>
  </si>
  <si>
    <t>－</t>
    <phoneticPr fontId="8"/>
  </si>
  <si>
    <t xml:space="preserve"> 藤野町</t>
  </si>
  <si>
    <t>－</t>
    <phoneticPr fontId="8"/>
  </si>
  <si>
    <t xml:space="preserve"> 相模湖町</t>
  </si>
  <si>
    <t xml:space="preserve"> 津久井町</t>
  </si>
  <si>
    <t xml:space="preserve"> 城山町</t>
  </si>
  <si>
    <t>伸率%</t>
    <phoneticPr fontId="8"/>
  </si>
  <si>
    <t>位</t>
  </si>
  <si>
    <t>（円）</t>
  </si>
  <si>
    <t>伸率%</t>
  </si>
  <si>
    <t>元→２</t>
    <rPh sb="0" eb="1">
      <t>ガン</t>
    </rPh>
    <phoneticPr fontId="8"/>
  </si>
  <si>
    <t>順</t>
  </si>
  <si>
    <t>費用額</t>
  </si>
  <si>
    <t>30→元</t>
    <rPh sb="3" eb="4">
      <t>ガン</t>
    </rPh>
    <phoneticPr fontId="8"/>
  </si>
  <si>
    <t>29→30</t>
  </si>
  <si>
    <t>28→29</t>
  </si>
  <si>
    <t>27→28</t>
  </si>
  <si>
    <t>２年度</t>
    <phoneticPr fontId="8"/>
  </si>
  <si>
    <t>元年度</t>
    <rPh sb="0" eb="1">
      <t>ガン</t>
    </rPh>
    <phoneticPr fontId="8"/>
  </si>
  <si>
    <t>30年度</t>
  </si>
  <si>
    <t>29年度</t>
  </si>
  <si>
    <t>28年度</t>
  </si>
  <si>
    <t>県   平   均</t>
    <phoneticPr fontId="8"/>
  </si>
  <si>
    <t>組 合 平 均</t>
    <phoneticPr fontId="8"/>
  </si>
  <si>
    <t>－</t>
    <phoneticPr fontId="8"/>
  </si>
  <si>
    <t>２年度</t>
    <phoneticPr fontId="8"/>
  </si>
  <si>
    <t>３.給付（６）　一人当たり医療費の推移（一般被保険者分）</t>
    <rPh sb="13" eb="15">
      <t>イリョウ</t>
    </rPh>
    <rPh sb="20" eb="22">
      <t>イッパン</t>
    </rPh>
    <rPh sb="22" eb="26">
      <t>ヒホケンシャ</t>
    </rPh>
    <rPh sb="26" eb="27">
      <t>ブン</t>
    </rPh>
    <phoneticPr fontId="8"/>
  </si>
  <si>
    <t>組 合 平 均</t>
    <phoneticPr fontId="8"/>
  </si>
  <si>
    <t>－</t>
    <phoneticPr fontId="8"/>
  </si>
  <si>
    <t>２年度</t>
    <phoneticPr fontId="8"/>
  </si>
  <si>
    <t>３.給付（７）　一人当たり医療費の推移（退職者医療分）</t>
    <rPh sb="13" eb="15">
      <t>イリョウ</t>
    </rPh>
    <rPh sb="15" eb="16">
      <t>ヒ</t>
    </rPh>
    <rPh sb="20" eb="23">
      <t>タイショクシャ</t>
    </rPh>
    <rPh sb="23" eb="25">
      <t>イリョウ</t>
    </rPh>
    <rPh sb="25" eb="26">
      <t>ブン</t>
    </rPh>
    <phoneticPr fontId="8"/>
  </si>
  <si>
    <t>県   平   均</t>
    <phoneticPr fontId="8"/>
  </si>
  <si>
    <t>組 合 平 均</t>
    <phoneticPr fontId="8"/>
  </si>
  <si>
    <t>伸率%</t>
    <phoneticPr fontId="8"/>
  </si>
  <si>
    <t>２年度</t>
    <phoneticPr fontId="8"/>
  </si>
  <si>
    <t>３.給付（８）　一人当たり医療費の推移（前期高齢者分）</t>
    <rPh sb="13" eb="15">
      <t>イリョウ</t>
    </rPh>
    <rPh sb="15" eb="16">
      <t>ヒ</t>
    </rPh>
    <phoneticPr fontId="8"/>
  </si>
  <si>
    <t>-</t>
  </si>
  <si>
    <t>-</t>
    <phoneticPr fontId="14"/>
  </si>
  <si>
    <t>市町村平均</t>
    <phoneticPr fontId="14"/>
  </si>
  <si>
    <t xml:space="preserve"> 建設連合</t>
    <phoneticPr fontId="14"/>
  </si>
  <si>
    <t xml:space="preserve"> 建設業</t>
    <phoneticPr fontId="14"/>
  </si>
  <si>
    <t xml:space="preserve"> 薬剤師</t>
    <phoneticPr fontId="14"/>
  </si>
  <si>
    <t xml:space="preserve"> 食品衛生</t>
    <phoneticPr fontId="14"/>
  </si>
  <si>
    <t xml:space="preserve"> 歯科医師</t>
    <phoneticPr fontId="14"/>
  </si>
  <si>
    <t xml:space="preserve"> 医 師</t>
    <phoneticPr fontId="14"/>
  </si>
  <si>
    <t xml:space="preserve"> 清川村</t>
    <phoneticPr fontId="14"/>
  </si>
  <si>
    <t xml:space="preserve"> 愛川町</t>
    <phoneticPr fontId="14"/>
  </si>
  <si>
    <t xml:space="preserve"> 湯河原町</t>
    <phoneticPr fontId="14"/>
  </si>
  <si>
    <t xml:space="preserve"> 真鶴町</t>
    <phoneticPr fontId="14"/>
  </si>
  <si>
    <t xml:space="preserve"> 箱根町</t>
    <phoneticPr fontId="14"/>
  </si>
  <si>
    <t xml:space="preserve"> 開成町  </t>
    <phoneticPr fontId="14"/>
  </si>
  <si>
    <t xml:space="preserve"> 山北町</t>
    <phoneticPr fontId="14"/>
  </si>
  <si>
    <t xml:space="preserve"> 松田町</t>
    <phoneticPr fontId="14"/>
  </si>
  <si>
    <t xml:space="preserve"> 大井町</t>
    <phoneticPr fontId="14"/>
  </si>
  <si>
    <t xml:space="preserve"> 中井町</t>
    <phoneticPr fontId="14"/>
  </si>
  <si>
    <t xml:space="preserve"> 二宮町</t>
    <phoneticPr fontId="14"/>
  </si>
  <si>
    <t xml:space="preserve"> 大磯町</t>
    <phoneticPr fontId="14"/>
  </si>
  <si>
    <t xml:space="preserve"> 綾瀬市</t>
    <phoneticPr fontId="14"/>
  </si>
  <si>
    <t xml:space="preserve"> 寒川町</t>
    <phoneticPr fontId="14"/>
  </si>
  <si>
    <t xml:space="preserve"> 葉山町</t>
    <phoneticPr fontId="14"/>
  </si>
  <si>
    <t xml:space="preserve"> 南足柄市</t>
    <phoneticPr fontId="14"/>
  </si>
  <si>
    <t xml:space="preserve"> 座間市</t>
    <phoneticPr fontId="14"/>
  </si>
  <si>
    <t xml:space="preserve"> 海老名市</t>
    <phoneticPr fontId="14"/>
  </si>
  <si>
    <t xml:space="preserve"> 伊勢原市</t>
    <phoneticPr fontId="14"/>
  </si>
  <si>
    <t xml:space="preserve"> 大和市</t>
    <phoneticPr fontId="14"/>
  </si>
  <si>
    <t xml:space="preserve"> 厚木市</t>
    <phoneticPr fontId="14"/>
  </si>
  <si>
    <t xml:space="preserve"> 秦野市</t>
    <phoneticPr fontId="14"/>
  </si>
  <si>
    <t xml:space="preserve"> 三浦市</t>
    <phoneticPr fontId="14"/>
  </si>
  <si>
    <t xml:space="preserve"> 相模原市</t>
    <phoneticPr fontId="14"/>
  </si>
  <si>
    <t xml:space="preserve"> 逗子市</t>
    <phoneticPr fontId="14"/>
  </si>
  <si>
    <t xml:space="preserve"> 茅ヶ崎市</t>
    <phoneticPr fontId="14"/>
  </si>
  <si>
    <t xml:space="preserve"> 小田原市</t>
    <phoneticPr fontId="14"/>
  </si>
  <si>
    <t xml:space="preserve"> 藤沢市</t>
    <phoneticPr fontId="14"/>
  </si>
  <si>
    <t xml:space="preserve"> 鎌倉市</t>
    <phoneticPr fontId="14"/>
  </si>
  <si>
    <t xml:space="preserve"> 平塚市</t>
    <phoneticPr fontId="14"/>
  </si>
  <si>
    <t xml:space="preserve"> 横須賀市</t>
    <phoneticPr fontId="14"/>
  </si>
  <si>
    <t xml:space="preserve"> 川崎市</t>
    <phoneticPr fontId="14"/>
  </si>
  <si>
    <t xml:space="preserve"> 横浜市</t>
    <phoneticPr fontId="14"/>
  </si>
  <si>
    <t>委託</t>
  </si>
  <si>
    <t>その他</t>
  </si>
  <si>
    <t>経験者</t>
  </si>
  <si>
    <t>兼任</t>
  </si>
  <si>
    <t>専任</t>
  </si>
  <si>
    <t>増減額</t>
  </si>
  <si>
    <t>(円）</t>
  </si>
  <si>
    <t>効果額</t>
  </si>
  <si>
    <t>外部</t>
  </si>
  <si>
    <t>嘱託職員</t>
  </si>
  <si>
    <t>正職員</t>
  </si>
  <si>
    <t>前年度</t>
  </si>
  <si>
    <t>内  容  点  検  分</t>
    <phoneticPr fontId="14"/>
  </si>
  <si>
    <t>資  格  点  検  分</t>
    <phoneticPr fontId="14"/>
  </si>
  <si>
    <t>事    務    処    理    体    制</t>
    <phoneticPr fontId="14"/>
  </si>
  <si>
    <t>合     計</t>
    <phoneticPr fontId="14"/>
  </si>
  <si>
    <t>第  三  者  求  償  等  返  納  金</t>
    <rPh sb="18" eb="19">
      <t>ヘン</t>
    </rPh>
    <rPh sb="21" eb="22">
      <t>オサム</t>
    </rPh>
    <rPh sb="24" eb="25">
      <t>キン</t>
    </rPh>
    <phoneticPr fontId="14"/>
  </si>
  <si>
    <t>過     誤     調     整     額</t>
    <phoneticPr fontId="14"/>
  </si>
  <si>
    <t>３.給付（９）　診療報酬明細書点検調査結果</t>
    <rPh sb="14" eb="15">
      <t>ショ</t>
    </rPh>
    <phoneticPr fontId="8"/>
  </si>
  <si>
    <t>３.給付（５）　一人当たり医療費の推移（一般被保険者分＋退職者医療分）</t>
    <rPh sb="20" eb="22">
      <t>イッパン</t>
    </rPh>
    <rPh sb="22" eb="26">
      <t>ヒホケンシャ</t>
    </rPh>
    <rPh sb="26" eb="27">
      <t>ブン</t>
    </rPh>
    <rPh sb="28" eb="31">
      <t>タイショクシャ</t>
    </rPh>
    <rPh sb="31" eb="33">
      <t>イリョウ</t>
    </rPh>
    <rPh sb="33" eb="34">
      <t>ブ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.000;[Red]\-#,##0.000"/>
    <numFmt numFmtId="177" formatCode="#,##0.00_ "/>
    <numFmt numFmtId="178" formatCode="#,##0_);[Red]\(#,##0\)"/>
    <numFmt numFmtId="179" formatCode="#,##0;[Red]\-#,##0\ "/>
  </numFmts>
  <fonts count="2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  <font>
      <sz val="8"/>
      <color indexed="10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9"/>
      <color rgb="FFFFC000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color indexed="12"/>
      <name val="ＭＳ Ｐゴシック"/>
      <family val="3"/>
      <charset val="128"/>
    </font>
    <font>
      <sz val="6"/>
      <name val="ＭＳ 明朝"/>
      <family val="1"/>
      <charset val="128"/>
    </font>
    <font>
      <sz val="12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color indexed="8"/>
      <name val="ＭＳ ゴシック"/>
      <family val="3"/>
      <charset val="128"/>
    </font>
    <font>
      <sz val="8"/>
      <color rgb="FFFF0000"/>
      <name val="ＭＳ Ｐゴシック"/>
      <family val="3"/>
      <charset val="128"/>
    </font>
    <font>
      <sz val="11"/>
      <color indexed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8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double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double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double">
        <color indexed="64"/>
      </left>
      <right/>
      <top style="medium">
        <color indexed="64"/>
      </top>
      <bottom/>
      <diagonal/>
    </border>
    <border>
      <left/>
      <right style="double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38" fontId="7" fillId="0" borderId="0" applyFont="0" applyFill="0" applyBorder="0" applyAlignment="0" applyProtection="0"/>
    <xf numFmtId="0" fontId="7" fillId="0" borderId="0"/>
    <xf numFmtId="0" fontId="7" fillId="0" borderId="0"/>
  </cellStyleXfs>
  <cellXfs count="414">
    <xf numFmtId="0" fontId="0" fillId="0" borderId="0" xfId="0"/>
    <xf numFmtId="0" fontId="2" fillId="0" borderId="0" xfId="0" applyFont="1" applyFill="1" applyAlignment="1"/>
    <xf numFmtId="0" fontId="2" fillId="0" borderId="0" xfId="0" applyFont="1" applyFill="1" applyBorder="1" applyAlignment="1"/>
    <xf numFmtId="0" fontId="4" fillId="0" borderId="0" xfId="0" applyFont="1" applyFill="1" applyBorder="1" applyAlignment="1"/>
    <xf numFmtId="0" fontId="4" fillId="0" borderId="1" xfId="0" applyFont="1" applyFill="1" applyBorder="1" applyAlignment="1"/>
    <xf numFmtId="0" fontId="4" fillId="0" borderId="0" xfId="0" applyFont="1" applyFill="1" applyAlignment="1"/>
    <xf numFmtId="0" fontId="4" fillId="0" borderId="2" xfId="0" applyFont="1" applyFill="1" applyBorder="1" applyAlignment="1">
      <alignment horizontal="center"/>
    </xf>
    <xf numFmtId="176" fontId="4" fillId="0" borderId="3" xfId="1" applyNumberFormat="1" applyFont="1" applyFill="1" applyBorder="1" applyAlignment="1"/>
    <xf numFmtId="0" fontId="4" fillId="0" borderId="3" xfId="0" applyFont="1" applyFill="1" applyBorder="1" applyAlignment="1">
      <alignment horizontal="center"/>
    </xf>
    <xf numFmtId="176" fontId="4" fillId="0" borderId="4" xfId="1" applyNumberFormat="1" applyFont="1" applyFill="1" applyBorder="1" applyAlignment="1"/>
    <xf numFmtId="38" fontId="4" fillId="0" borderId="3" xfId="1" applyFont="1" applyFill="1" applyBorder="1" applyAlignment="1" applyProtection="1">
      <alignment horizontal="center"/>
    </xf>
    <xf numFmtId="176" fontId="4" fillId="0" borderId="5" xfId="1" applyNumberFormat="1" applyFont="1" applyFill="1" applyBorder="1" applyAlignment="1"/>
    <xf numFmtId="0" fontId="4" fillId="0" borderId="6" xfId="0" applyFont="1" applyFill="1" applyBorder="1" applyAlignment="1">
      <alignment horizontal="distributed" justifyLastLine="1"/>
    </xf>
    <xf numFmtId="38" fontId="4" fillId="0" borderId="7" xfId="1" applyFont="1" applyFill="1" applyBorder="1" applyAlignment="1">
      <alignment horizontal="distributed" justifyLastLine="1"/>
    </xf>
    <xf numFmtId="38" fontId="4" fillId="0" borderId="2" xfId="1" applyFont="1" applyFill="1" applyBorder="1" applyAlignment="1" applyProtection="1">
      <alignment horizontal="center"/>
    </xf>
    <xf numFmtId="0" fontId="4" fillId="0" borderId="8" xfId="0" applyFont="1" applyFill="1" applyBorder="1" applyAlignment="1">
      <alignment horizontal="center"/>
    </xf>
    <xf numFmtId="176" fontId="4" fillId="0" borderId="9" xfId="1" applyNumberFormat="1" applyFont="1" applyFill="1" applyBorder="1" applyAlignment="1"/>
    <xf numFmtId="0" fontId="4" fillId="0" borderId="9" xfId="0" applyFont="1" applyFill="1" applyBorder="1" applyAlignment="1">
      <alignment horizontal="center"/>
    </xf>
    <xf numFmtId="176" fontId="4" fillId="0" borderId="10" xfId="1" applyNumberFormat="1" applyFont="1" applyFill="1" applyBorder="1" applyAlignment="1"/>
    <xf numFmtId="38" fontId="4" fillId="0" borderId="9" xfId="1" applyFont="1" applyFill="1" applyBorder="1" applyAlignment="1" applyProtection="1">
      <alignment horizontal="center"/>
    </xf>
    <xf numFmtId="0" fontId="4" fillId="0" borderId="11" xfId="0" applyFont="1" applyFill="1" applyBorder="1" applyAlignment="1">
      <alignment horizontal="distributed" justifyLastLine="1"/>
    </xf>
    <xf numFmtId="38" fontId="4" fillId="0" borderId="12" xfId="1" applyFont="1" applyFill="1" applyBorder="1" applyAlignment="1">
      <alignment horizontal="distributed" justifyLastLine="1"/>
    </xf>
    <xf numFmtId="38" fontId="4" fillId="0" borderId="8" xfId="1" applyFont="1" applyFill="1" applyBorder="1" applyAlignment="1" applyProtection="1">
      <alignment horizontal="center"/>
    </xf>
    <xf numFmtId="176" fontId="4" fillId="0" borderId="13" xfId="1" applyNumberFormat="1" applyFont="1" applyFill="1" applyBorder="1" applyAlignment="1"/>
    <xf numFmtId="176" fontId="4" fillId="0" borderId="14" xfId="1" applyNumberFormat="1" applyFont="1" applyFill="1" applyBorder="1" applyAlignment="1"/>
    <xf numFmtId="38" fontId="4" fillId="0" borderId="12" xfId="1" applyFont="1" applyFill="1" applyBorder="1" applyAlignment="1" applyProtection="1">
      <alignment horizontal="distributed" justifyLastLine="1"/>
    </xf>
    <xf numFmtId="0" fontId="4" fillId="0" borderId="15" xfId="0" applyFont="1" applyFill="1" applyBorder="1" applyAlignment="1"/>
    <xf numFmtId="176" fontId="4" fillId="0" borderId="16" xfId="1" applyNumberFormat="1" applyFont="1" applyFill="1" applyBorder="1" applyAlignment="1"/>
    <xf numFmtId="38" fontId="4" fillId="0" borderId="17" xfId="1" applyFont="1" applyFill="1" applyBorder="1" applyAlignment="1"/>
    <xf numFmtId="38" fontId="4" fillId="0" borderId="10" xfId="1" applyFont="1" applyFill="1" applyBorder="1" applyAlignment="1"/>
    <xf numFmtId="0" fontId="4" fillId="0" borderId="10" xfId="0" applyFont="1" applyFill="1" applyBorder="1" applyAlignment="1">
      <alignment horizontal="center"/>
    </xf>
    <xf numFmtId="38" fontId="4" fillId="0" borderId="18" xfId="1" applyFont="1" applyFill="1" applyBorder="1" applyAlignment="1"/>
    <xf numFmtId="38" fontId="4" fillId="0" borderId="14" xfId="1" applyFont="1" applyFill="1" applyBorder="1" applyAlignment="1" applyProtection="1">
      <alignment horizontal="left"/>
    </xf>
    <xf numFmtId="38" fontId="4" fillId="0" borderId="19" xfId="1" applyFont="1" applyFill="1" applyBorder="1" applyAlignment="1" applyProtection="1"/>
    <xf numFmtId="38" fontId="4" fillId="0" borderId="10" xfId="1" applyFont="1" applyFill="1" applyBorder="1" applyAlignment="1" applyProtection="1">
      <alignment horizontal="center"/>
    </xf>
    <xf numFmtId="38" fontId="5" fillId="0" borderId="14" xfId="1" applyFont="1" applyFill="1" applyBorder="1" applyAlignment="1" applyProtection="1">
      <alignment horizontal="left"/>
    </xf>
    <xf numFmtId="0" fontId="4" fillId="0" borderId="20" xfId="0" applyFont="1" applyFill="1" applyBorder="1" applyAlignment="1"/>
    <xf numFmtId="176" fontId="4" fillId="0" borderId="21" xfId="1" applyNumberFormat="1" applyFont="1" applyFill="1" applyBorder="1" applyAlignment="1"/>
    <xf numFmtId="38" fontId="4" fillId="0" borderId="22" xfId="1" applyFont="1" applyFill="1" applyBorder="1" applyAlignment="1"/>
    <xf numFmtId="38" fontId="4" fillId="0" borderId="21" xfId="1" applyFont="1" applyFill="1" applyBorder="1" applyAlignment="1"/>
    <xf numFmtId="0" fontId="4" fillId="0" borderId="21" xfId="0" applyFont="1" applyFill="1" applyBorder="1" applyAlignment="1">
      <alignment horizontal="center"/>
    </xf>
    <xf numFmtId="38" fontId="4" fillId="0" borderId="23" xfId="1" applyFont="1" applyFill="1" applyBorder="1" applyAlignment="1"/>
    <xf numFmtId="38" fontId="4" fillId="0" borderId="24" xfId="1" applyFont="1" applyFill="1" applyBorder="1" applyAlignment="1" applyProtection="1">
      <alignment horizontal="left"/>
    </xf>
    <xf numFmtId="38" fontId="4" fillId="0" borderId="25" xfId="1" applyFont="1" applyFill="1" applyBorder="1" applyAlignment="1" applyProtection="1"/>
    <xf numFmtId="38" fontId="4" fillId="0" borderId="21" xfId="1" applyFont="1" applyFill="1" applyBorder="1" applyAlignment="1" applyProtection="1">
      <alignment horizontal="center"/>
    </xf>
    <xf numFmtId="38" fontId="5" fillId="0" borderId="24" xfId="1" applyFont="1" applyFill="1" applyBorder="1" applyAlignment="1" applyProtection="1">
      <alignment horizontal="left"/>
    </xf>
    <xf numFmtId="176" fontId="4" fillId="0" borderId="26" xfId="1" applyNumberFormat="1" applyFont="1" applyFill="1" applyBorder="1" applyAlignment="1"/>
    <xf numFmtId="38" fontId="4" fillId="0" borderId="27" xfId="1" applyFont="1" applyFill="1" applyBorder="1" applyAlignment="1"/>
    <xf numFmtId="176" fontId="4" fillId="0" borderId="24" xfId="1" applyNumberFormat="1" applyFont="1" applyFill="1" applyBorder="1" applyAlignment="1"/>
    <xf numFmtId="38" fontId="4" fillId="0" borderId="24" xfId="1" applyFont="1" applyFill="1" applyBorder="1" applyAlignment="1"/>
    <xf numFmtId="0" fontId="4" fillId="0" borderId="24" xfId="0" applyFont="1" applyFill="1" applyBorder="1" applyAlignment="1">
      <alignment horizontal="center"/>
    </xf>
    <xf numFmtId="0" fontId="4" fillId="0" borderId="26" xfId="0" applyFont="1" applyFill="1" applyBorder="1" applyAlignment="1">
      <alignment horizontal="center"/>
    </xf>
    <xf numFmtId="38" fontId="4" fillId="0" borderId="20" xfId="1" applyFont="1" applyFill="1" applyBorder="1" applyAlignment="1"/>
    <xf numFmtId="38" fontId="4" fillId="0" borderId="28" xfId="1" applyFont="1" applyFill="1" applyBorder="1" applyAlignment="1" applyProtection="1"/>
    <xf numFmtId="38" fontId="4" fillId="0" borderId="24" xfId="1" applyFont="1" applyFill="1" applyBorder="1" applyAlignment="1" applyProtection="1">
      <alignment horizontal="center"/>
    </xf>
    <xf numFmtId="38" fontId="4" fillId="0" borderId="26" xfId="1" applyFont="1" applyFill="1" applyBorder="1" applyAlignment="1" applyProtection="1">
      <alignment horizontal="center"/>
    </xf>
    <xf numFmtId="38" fontId="4" fillId="0" borderId="29" xfId="1" applyFont="1" applyFill="1" applyBorder="1" applyAlignment="1" applyProtection="1"/>
    <xf numFmtId="38" fontId="5" fillId="0" borderId="10" xfId="1" applyFont="1" applyFill="1" applyBorder="1" applyAlignment="1"/>
    <xf numFmtId="38" fontId="5" fillId="0" borderId="21" xfId="1" applyFont="1" applyFill="1" applyBorder="1" applyAlignment="1"/>
    <xf numFmtId="0" fontId="4" fillId="0" borderId="23" xfId="0" applyFont="1" applyFill="1" applyBorder="1" applyAlignment="1"/>
    <xf numFmtId="0" fontId="4" fillId="0" borderId="18" xfId="0" applyFont="1" applyFill="1" applyBorder="1" applyAlignment="1">
      <alignment horizontal="center"/>
    </xf>
    <xf numFmtId="0" fontId="4" fillId="0" borderId="30" xfId="0" applyFont="1" applyFill="1" applyBorder="1" applyAlignment="1">
      <alignment horizontal="center"/>
    </xf>
    <xf numFmtId="0" fontId="4" fillId="0" borderId="17" xfId="0" applyFont="1" applyFill="1" applyBorder="1" applyAlignment="1">
      <alignment horizontal="center"/>
    </xf>
    <xf numFmtId="0" fontId="4" fillId="0" borderId="31" xfId="0" applyFont="1" applyFill="1" applyBorder="1" applyAlignment="1">
      <alignment horizontal="distributed" vertical="center" justifyLastLine="1"/>
    </xf>
    <xf numFmtId="0" fontId="4" fillId="0" borderId="19" xfId="0" applyFont="1" applyFill="1" applyBorder="1" applyAlignment="1">
      <alignment horizontal="distributed" vertical="center" justifyLastLine="1"/>
    </xf>
    <xf numFmtId="0" fontId="4" fillId="0" borderId="32" xfId="0" applyFont="1" applyFill="1" applyBorder="1" applyAlignment="1">
      <alignment horizontal="distributed" vertical="center" justifyLastLine="1"/>
    </xf>
    <xf numFmtId="0" fontId="4" fillId="0" borderId="23" xfId="0" applyFont="1" applyFill="1" applyBorder="1" applyAlignment="1">
      <alignment horizontal="distributed" justifyLastLine="1"/>
    </xf>
    <xf numFmtId="0" fontId="4" fillId="0" borderId="22" xfId="0" applyFont="1" applyFill="1" applyBorder="1" applyAlignment="1">
      <alignment horizontal="distributed" justifyLastLine="1"/>
    </xf>
    <xf numFmtId="0" fontId="4" fillId="0" borderId="33" xfId="0" applyFont="1" applyFill="1" applyBorder="1" applyAlignment="1">
      <alignment horizontal="distributed" justifyLastLine="1"/>
    </xf>
    <xf numFmtId="0" fontId="4" fillId="0" borderId="34" xfId="0" applyFont="1" applyFill="1" applyBorder="1" applyAlignment="1">
      <alignment horizontal="distributed" vertical="center" justifyLastLine="1"/>
    </xf>
    <xf numFmtId="0" fontId="4" fillId="0" borderId="28" xfId="0" applyFont="1" applyFill="1" applyBorder="1" applyAlignment="1">
      <alignment horizontal="distributed" vertical="center" justifyLastLine="1"/>
    </xf>
    <xf numFmtId="0" fontId="4" fillId="0" borderId="0" xfId="0" applyFont="1" applyFill="1" applyBorder="1" applyAlignment="1">
      <alignment horizontal="distributed" vertical="center" justifyLastLine="1"/>
    </xf>
    <xf numFmtId="0" fontId="4" fillId="0" borderId="35" xfId="0" applyFont="1" applyFill="1" applyBorder="1" applyAlignment="1">
      <alignment horizontal="distributed" justifyLastLine="1"/>
    </xf>
    <xf numFmtId="0" fontId="4" fillId="0" borderId="36" xfId="0" applyFont="1" applyFill="1" applyBorder="1" applyAlignment="1">
      <alignment horizontal="distributed" justifyLastLine="1"/>
    </xf>
    <xf numFmtId="0" fontId="4" fillId="0" borderId="37" xfId="0" applyFont="1" applyFill="1" applyBorder="1" applyAlignment="1">
      <alignment horizontal="distributed" justifyLastLine="1"/>
    </xf>
    <xf numFmtId="0" fontId="4" fillId="0" borderId="38" xfId="0" applyFont="1" applyFill="1" applyBorder="1" applyAlignment="1">
      <alignment horizontal="distributed" vertical="center" justifyLastLine="1"/>
    </xf>
    <xf numFmtId="0" fontId="4" fillId="0" borderId="39" xfId="0" applyFont="1" applyFill="1" applyBorder="1" applyAlignment="1">
      <alignment horizontal="distributed" vertical="center" justifyLastLine="1"/>
    </xf>
    <xf numFmtId="0" fontId="4" fillId="0" borderId="40" xfId="0" applyFont="1" applyFill="1" applyBorder="1" applyAlignment="1">
      <alignment horizontal="distributed" justifyLastLine="1"/>
    </xf>
    <xf numFmtId="0" fontId="4" fillId="0" borderId="1" xfId="0" applyFont="1" applyFill="1" applyBorder="1" applyAlignment="1">
      <alignment horizontal="distributed" vertical="center" justifyLastLine="1"/>
    </xf>
    <xf numFmtId="0" fontId="2" fillId="0" borderId="41" xfId="0" applyFont="1" applyFill="1" applyBorder="1" applyAlignment="1">
      <alignment horizontal="centerContinuous"/>
    </xf>
    <xf numFmtId="176" fontId="2" fillId="0" borderId="0" xfId="0" applyNumberFormat="1" applyFont="1" applyFill="1" applyBorder="1" applyAlignment="1">
      <alignment horizontal="centerContinuous"/>
    </xf>
    <xf numFmtId="0" fontId="2" fillId="0" borderId="0" xfId="0" applyFont="1" applyFill="1" applyBorder="1" applyAlignment="1">
      <alignment horizontal="centerContinuous"/>
    </xf>
    <xf numFmtId="0" fontId="1" fillId="0" borderId="0" xfId="0" applyFont="1" applyFill="1" applyBorder="1" applyAlignment="1"/>
    <xf numFmtId="0" fontId="0" fillId="0" borderId="0" xfId="0" applyFill="1" applyBorder="1" applyAlignment="1"/>
    <xf numFmtId="176" fontId="4" fillId="0" borderId="42" xfId="1" applyNumberFormat="1" applyFont="1" applyFill="1" applyBorder="1" applyAlignment="1"/>
    <xf numFmtId="38" fontId="4" fillId="0" borderId="43" xfId="1" applyFont="1" applyFill="1" applyBorder="1" applyAlignment="1" applyProtection="1">
      <alignment horizontal="center"/>
    </xf>
    <xf numFmtId="38" fontId="4" fillId="0" borderId="44" xfId="1" applyFont="1" applyFill="1" applyBorder="1" applyAlignment="1" applyProtection="1"/>
    <xf numFmtId="0" fontId="6" fillId="0" borderId="0" xfId="0" applyFont="1" applyFill="1" applyBorder="1" applyAlignment="1">
      <alignment horizontal="center"/>
    </xf>
    <xf numFmtId="0" fontId="2" fillId="0" borderId="0" xfId="0" applyFont="1" applyFill="1" applyBorder="1" applyAlignment="1">
      <alignment horizontal="center"/>
    </xf>
    <xf numFmtId="38" fontId="4" fillId="0" borderId="1" xfId="1" applyFont="1" applyFill="1" applyBorder="1" applyAlignment="1">
      <alignment horizontal="left" justifyLastLine="1"/>
    </xf>
    <xf numFmtId="38" fontId="4" fillId="0" borderId="3" xfId="1" applyFont="1" applyFill="1" applyBorder="1" applyAlignment="1"/>
    <xf numFmtId="38" fontId="4" fillId="0" borderId="42" xfId="1" applyFont="1" applyFill="1" applyBorder="1" applyAlignment="1"/>
    <xf numFmtId="38" fontId="4" fillId="0" borderId="9" xfId="1" applyFont="1" applyFill="1" applyBorder="1" applyAlignment="1"/>
    <xf numFmtId="38" fontId="4" fillId="0" borderId="13" xfId="1" applyFont="1" applyFill="1" applyBorder="1" applyAlignment="1"/>
    <xf numFmtId="38" fontId="4" fillId="0" borderId="14" xfId="1" applyFont="1" applyFill="1" applyBorder="1" applyAlignment="1"/>
    <xf numFmtId="38" fontId="4" fillId="0" borderId="16" xfId="1" applyFont="1" applyFill="1" applyBorder="1" applyAlignment="1"/>
    <xf numFmtId="38" fontId="4" fillId="0" borderId="26" xfId="1" applyFont="1" applyFill="1" applyBorder="1" applyAlignment="1"/>
    <xf numFmtId="0" fontId="1" fillId="0" borderId="0" xfId="0" applyFont="1" applyFill="1" applyBorder="1" applyAlignment="1">
      <alignment horizontal="left"/>
    </xf>
    <xf numFmtId="0" fontId="0" fillId="0" borderId="0" xfId="0" applyFill="1" applyBorder="1" applyAlignment="1">
      <alignment horizontal="left"/>
    </xf>
    <xf numFmtId="49" fontId="4" fillId="0" borderId="1" xfId="1" applyNumberFormat="1" applyFont="1" applyFill="1" applyBorder="1" applyAlignment="1">
      <alignment horizontal="left" justifyLastLine="1"/>
    </xf>
    <xf numFmtId="38" fontId="4" fillId="0" borderId="4" xfId="1" applyFont="1" applyFill="1" applyBorder="1" applyAlignment="1"/>
    <xf numFmtId="38" fontId="4" fillId="0" borderId="45" xfId="1" applyFont="1" applyFill="1" applyBorder="1" applyAlignment="1">
      <alignment horizontal="distributed" justifyLastLine="1"/>
    </xf>
    <xf numFmtId="38" fontId="4" fillId="0" borderId="5" xfId="1" applyFont="1" applyFill="1" applyBorder="1" applyAlignment="1"/>
    <xf numFmtId="38" fontId="4" fillId="0" borderId="46" xfId="1" applyFont="1" applyFill="1" applyBorder="1" applyAlignment="1">
      <alignment horizontal="distributed" justifyLastLine="1"/>
    </xf>
    <xf numFmtId="0" fontId="4" fillId="0" borderId="43" xfId="0" applyFont="1" applyFill="1" applyBorder="1" applyAlignment="1">
      <alignment horizontal="center"/>
    </xf>
    <xf numFmtId="38" fontId="4" fillId="0" borderId="46" xfId="1" applyFont="1" applyFill="1" applyBorder="1" applyAlignment="1" applyProtection="1">
      <alignment horizontal="distributed" justifyLastLine="1"/>
    </xf>
    <xf numFmtId="0" fontId="4" fillId="0" borderId="13" xfId="0" applyFont="1" applyFill="1" applyBorder="1" applyAlignment="1">
      <alignment horizontal="center"/>
    </xf>
    <xf numFmtId="38" fontId="4" fillId="0" borderId="47" xfId="1" applyFont="1" applyFill="1" applyBorder="1" applyAlignment="1"/>
    <xf numFmtId="38" fontId="5" fillId="0" borderId="26" xfId="1" applyFont="1" applyFill="1" applyBorder="1" applyAlignment="1" applyProtection="1">
      <alignment horizontal="left"/>
    </xf>
    <xf numFmtId="38" fontId="4" fillId="0" borderId="48" xfId="1" applyFont="1" applyFill="1" applyBorder="1" applyAlignment="1" applyProtection="1"/>
    <xf numFmtId="38" fontId="4" fillId="0" borderId="49" xfId="1" applyFont="1" applyFill="1" applyBorder="1" applyAlignment="1"/>
    <xf numFmtId="38" fontId="4" fillId="0" borderId="33" xfId="1" applyFont="1" applyFill="1" applyBorder="1" applyAlignment="1"/>
    <xf numFmtId="0" fontId="4" fillId="0" borderId="49" xfId="0" applyFont="1" applyFill="1" applyBorder="1" applyAlignment="1"/>
    <xf numFmtId="0" fontId="4" fillId="0" borderId="50" xfId="0" applyFont="1" applyFill="1" applyBorder="1" applyAlignment="1"/>
    <xf numFmtId="49" fontId="0" fillId="0" borderId="0" xfId="0" applyNumberFormat="1" applyFill="1" applyBorder="1" applyAlignment="1">
      <alignment horizontal="left"/>
    </xf>
    <xf numFmtId="4" fontId="4" fillId="0" borderId="2" xfId="2" applyNumberFormat="1" applyFont="1" applyFill="1" applyBorder="1"/>
    <xf numFmtId="38" fontId="4" fillId="0" borderId="3" xfId="2" applyFont="1" applyFill="1" applyBorder="1" applyAlignment="1">
      <alignment horizontal="right"/>
    </xf>
    <xf numFmtId="38" fontId="4" fillId="0" borderId="3" xfId="2" quotePrefix="1" applyFont="1" applyFill="1" applyBorder="1"/>
    <xf numFmtId="177" fontId="4" fillId="0" borderId="3" xfId="2" applyNumberFormat="1" applyFont="1" applyFill="1" applyBorder="1"/>
    <xf numFmtId="38" fontId="4" fillId="0" borderId="3" xfId="2" applyNumberFormat="1" applyFont="1" applyFill="1" applyBorder="1" applyAlignment="1">
      <alignment horizontal="right"/>
    </xf>
    <xf numFmtId="38" fontId="4" fillId="0" borderId="3" xfId="2" applyNumberFormat="1" applyFont="1" applyFill="1" applyBorder="1"/>
    <xf numFmtId="4" fontId="4" fillId="0" borderId="3" xfId="2" applyNumberFormat="1" applyFont="1" applyFill="1" applyBorder="1"/>
    <xf numFmtId="38" fontId="4" fillId="0" borderId="3" xfId="2" applyFont="1" applyFill="1" applyBorder="1"/>
    <xf numFmtId="40" fontId="4" fillId="0" borderId="3" xfId="2" applyNumberFormat="1" applyFont="1" applyFill="1" applyBorder="1" applyAlignment="1">
      <alignment horizontal="right"/>
    </xf>
    <xf numFmtId="40" fontId="4" fillId="0" borderId="3" xfId="2" applyNumberFormat="1" applyFont="1" applyFill="1" applyBorder="1"/>
    <xf numFmtId="38" fontId="4" fillId="0" borderId="3" xfId="2" applyFont="1" applyFill="1" applyBorder="1" applyAlignment="1">
      <alignment horizontal="distributed" justifyLastLine="1"/>
    </xf>
    <xf numFmtId="38" fontId="4" fillId="0" borderId="51" xfId="2" applyFont="1" applyFill="1" applyBorder="1" applyAlignment="1">
      <alignment horizontal="distributed" justifyLastLine="1"/>
    </xf>
    <xf numFmtId="4" fontId="4" fillId="0" borderId="8" xfId="2" applyNumberFormat="1" applyFont="1" applyFill="1" applyBorder="1"/>
    <xf numFmtId="38" fontId="4" fillId="0" borderId="9" xfId="2" applyFont="1" applyFill="1" applyBorder="1" applyAlignment="1">
      <alignment horizontal="right"/>
    </xf>
    <xf numFmtId="38" fontId="4" fillId="0" borderId="9" xfId="2" quotePrefix="1" applyFont="1" applyFill="1" applyBorder="1"/>
    <xf numFmtId="177" fontId="4" fillId="0" borderId="9" xfId="2" applyNumberFormat="1" applyFont="1" applyFill="1" applyBorder="1"/>
    <xf numFmtId="38" fontId="4" fillId="0" borderId="9" xfId="2" applyNumberFormat="1" applyFont="1" applyFill="1" applyBorder="1" applyAlignment="1">
      <alignment horizontal="right"/>
    </xf>
    <xf numFmtId="38" fontId="4" fillId="0" borderId="9" xfId="2" applyNumberFormat="1" applyFont="1" applyFill="1" applyBorder="1"/>
    <xf numFmtId="4" fontId="4" fillId="0" borderId="9" xfId="2" applyNumberFormat="1" applyFont="1" applyFill="1" applyBorder="1"/>
    <xf numFmtId="38" fontId="4" fillId="0" borderId="9" xfId="2" applyFont="1" applyFill="1" applyBorder="1"/>
    <xf numFmtId="40" fontId="4" fillId="0" borderId="9" xfId="2" applyNumberFormat="1" applyFont="1" applyFill="1" applyBorder="1" applyAlignment="1">
      <alignment horizontal="right"/>
    </xf>
    <xf numFmtId="40" fontId="4" fillId="0" borderId="9" xfId="2" applyNumberFormat="1" applyFont="1" applyFill="1" applyBorder="1"/>
    <xf numFmtId="38" fontId="4" fillId="0" borderId="9" xfId="2" applyFont="1" applyFill="1" applyBorder="1" applyAlignment="1">
      <alignment horizontal="distributed" justifyLastLine="1"/>
    </xf>
    <xf numFmtId="38" fontId="4" fillId="0" borderId="52" xfId="2" applyFont="1" applyFill="1" applyBorder="1" applyAlignment="1">
      <alignment horizontal="distributed" justifyLastLine="1"/>
    </xf>
    <xf numFmtId="4" fontId="4" fillId="0" borderId="43" xfId="2" applyNumberFormat="1" applyFont="1" applyFill="1" applyBorder="1"/>
    <xf numFmtId="38" fontId="4" fillId="0" borderId="10" xfId="2" applyFont="1" applyFill="1" applyBorder="1"/>
    <xf numFmtId="38" fontId="4" fillId="0" borderId="21" xfId="2" quotePrefix="1" applyFont="1" applyFill="1" applyBorder="1"/>
    <xf numFmtId="177" fontId="4" fillId="0" borderId="10" xfId="2" applyNumberFormat="1" applyFont="1" applyFill="1" applyBorder="1"/>
    <xf numFmtId="38" fontId="4" fillId="0" borderId="10" xfId="2" applyNumberFormat="1" applyFont="1" applyFill="1" applyBorder="1"/>
    <xf numFmtId="4" fontId="4" fillId="0" borderId="10" xfId="2" applyNumberFormat="1" applyFont="1" applyFill="1" applyBorder="1"/>
    <xf numFmtId="38" fontId="5" fillId="0" borderId="10" xfId="2" applyFont="1" applyFill="1" applyBorder="1"/>
    <xf numFmtId="38" fontId="4" fillId="0" borderId="29" xfId="2" applyFont="1" applyFill="1" applyBorder="1"/>
    <xf numFmtId="4" fontId="4" fillId="0" borderId="49" xfId="2" applyNumberFormat="1" applyFont="1" applyFill="1" applyBorder="1"/>
    <xf numFmtId="38" fontId="4" fillId="0" borderId="21" xfId="2" applyFont="1" applyFill="1" applyBorder="1"/>
    <xf numFmtId="177" fontId="4" fillId="0" borderId="21" xfId="2" applyNumberFormat="1" applyFont="1" applyFill="1" applyBorder="1"/>
    <xf numFmtId="38" fontId="4" fillId="0" borderId="21" xfId="2" applyNumberFormat="1" applyFont="1" applyFill="1" applyBorder="1"/>
    <xf numFmtId="4" fontId="4" fillId="0" borderId="21" xfId="2" applyNumberFormat="1" applyFont="1" applyFill="1" applyBorder="1"/>
    <xf numFmtId="38" fontId="5" fillId="0" borderId="21" xfId="2" applyFont="1" applyFill="1" applyBorder="1"/>
    <xf numFmtId="38" fontId="4" fillId="0" borderId="25" xfId="2" applyFont="1" applyFill="1" applyBorder="1"/>
    <xf numFmtId="4" fontId="4" fillId="0" borderId="53" xfId="2" applyNumberFormat="1" applyFont="1" applyFill="1" applyBorder="1"/>
    <xf numFmtId="38" fontId="4" fillId="0" borderId="26" xfId="2" applyFont="1" applyFill="1" applyBorder="1"/>
    <xf numFmtId="38" fontId="4" fillId="0" borderId="26" xfId="2" quotePrefix="1" applyFont="1" applyFill="1" applyBorder="1"/>
    <xf numFmtId="177" fontId="4" fillId="0" borderId="26" xfId="2" applyNumberFormat="1" applyFont="1" applyFill="1" applyBorder="1"/>
    <xf numFmtId="38" fontId="4" fillId="0" borderId="26" xfId="2" applyNumberFormat="1" applyFont="1" applyFill="1" applyBorder="1"/>
    <xf numFmtId="4" fontId="4" fillId="0" borderId="26" xfId="2" applyNumberFormat="1" applyFont="1" applyFill="1" applyBorder="1"/>
    <xf numFmtId="38" fontId="5" fillId="0" borderId="26" xfId="2" applyFont="1" applyFill="1" applyBorder="1"/>
    <xf numFmtId="38" fontId="4" fillId="0" borderId="44" xfId="2" applyFont="1" applyFill="1" applyBorder="1"/>
    <xf numFmtId="38" fontId="4" fillId="0" borderId="9" xfId="2" quotePrefix="1" applyFont="1" applyFill="1" applyBorder="1" applyAlignment="1">
      <alignment horizontal="center"/>
    </xf>
    <xf numFmtId="4" fontId="4" fillId="0" borderId="9" xfId="2" quotePrefix="1" applyNumberFormat="1" applyFont="1" applyFill="1" applyBorder="1" applyAlignment="1">
      <alignment horizontal="center"/>
    </xf>
    <xf numFmtId="40" fontId="4" fillId="0" borderId="9" xfId="2" quotePrefix="1" applyNumberFormat="1" applyFont="1" applyFill="1" applyBorder="1" applyAlignment="1">
      <alignment horizontal="center"/>
    </xf>
    <xf numFmtId="38" fontId="4" fillId="0" borderId="9" xfId="2" quotePrefix="1" applyNumberFormat="1" applyFont="1" applyFill="1" applyBorder="1" applyAlignment="1">
      <alignment horizontal="center"/>
    </xf>
    <xf numFmtId="38" fontId="5" fillId="0" borderId="9" xfId="2" applyFont="1" applyFill="1" applyBorder="1"/>
    <xf numFmtId="38" fontId="4" fillId="0" borderId="52" xfId="2" applyFont="1" applyFill="1" applyBorder="1"/>
    <xf numFmtId="38" fontId="4" fillId="0" borderId="54" xfId="2" applyFont="1" applyFill="1" applyBorder="1"/>
    <xf numFmtId="38" fontId="4" fillId="0" borderId="55" xfId="2" applyFont="1" applyFill="1" applyBorder="1" applyAlignment="1">
      <alignment horizontal="centerContinuous"/>
    </xf>
    <xf numFmtId="38" fontId="10" fillId="0" borderId="24" xfId="2" applyFont="1" applyFill="1" applyBorder="1" applyAlignment="1">
      <alignment horizontal="center"/>
    </xf>
    <xf numFmtId="38" fontId="4" fillId="0" borderId="24" xfId="2" applyFont="1" applyFill="1" applyBorder="1" applyAlignment="1">
      <alignment horizontal="center"/>
    </xf>
    <xf numFmtId="38" fontId="4" fillId="0" borderId="24" xfId="2" applyFont="1" applyFill="1" applyBorder="1" applyAlignment="1">
      <alignment horizontal="centerContinuous"/>
    </xf>
    <xf numFmtId="38" fontId="4" fillId="0" borderId="24" xfId="2" applyFont="1" applyFill="1" applyBorder="1" applyAlignment="1">
      <alignment horizontal="center" vertical="center"/>
    </xf>
    <xf numFmtId="0" fontId="7" fillId="0" borderId="21" xfId="3" applyFill="1" applyBorder="1" applyAlignment="1">
      <alignment horizontal="distributed" vertical="center" justifyLastLine="1"/>
    </xf>
    <xf numFmtId="0" fontId="7" fillId="0" borderId="56" xfId="3" applyFill="1" applyBorder="1" applyAlignment="1">
      <alignment horizontal="distributed" vertical="center" justifyLastLine="1"/>
    </xf>
    <xf numFmtId="38" fontId="4" fillId="0" borderId="57" xfId="2" quotePrefix="1" applyFont="1" applyFill="1" applyBorder="1" applyAlignment="1">
      <alignment horizontal="center"/>
    </xf>
    <xf numFmtId="38" fontId="10" fillId="0" borderId="16" xfId="2" applyFont="1" applyFill="1" applyBorder="1" applyAlignment="1">
      <alignment horizontal="center"/>
    </xf>
    <xf numFmtId="38" fontId="4" fillId="0" borderId="58" xfId="2" applyFont="1" applyFill="1" applyBorder="1" applyAlignment="1">
      <alignment horizontal="center"/>
    </xf>
    <xf numFmtId="38" fontId="4" fillId="0" borderId="16" xfId="2" quotePrefix="1" applyFont="1" applyFill="1" applyBorder="1" applyAlignment="1">
      <alignment horizontal="center"/>
    </xf>
    <xf numFmtId="38" fontId="4" fillId="0" borderId="16" xfId="2" applyFont="1" applyFill="1" applyBorder="1" applyAlignment="1">
      <alignment horizontal="center"/>
    </xf>
    <xf numFmtId="38" fontId="4" fillId="0" borderId="16" xfId="2" applyFont="1" applyFill="1" applyBorder="1" applyAlignment="1">
      <alignment horizontal="center" vertical="center"/>
    </xf>
    <xf numFmtId="38" fontId="4" fillId="0" borderId="59" xfId="2" quotePrefix="1" applyFont="1" applyFill="1" applyBorder="1" applyAlignment="1">
      <alignment horizontal="distributed" justifyLastLine="1"/>
    </xf>
    <xf numFmtId="38" fontId="4" fillId="0" borderId="60" xfId="2" quotePrefix="1" applyFont="1" applyFill="1" applyBorder="1" applyAlignment="1">
      <alignment horizontal="distributed" justifyLastLine="1"/>
    </xf>
    <xf numFmtId="38" fontId="4" fillId="0" borderId="61" xfId="2" quotePrefix="1" applyFont="1" applyFill="1" applyBorder="1" applyAlignment="1">
      <alignment horizontal="distributed" justifyLastLine="1"/>
    </xf>
    <xf numFmtId="0" fontId="7" fillId="0" borderId="60" xfId="3" applyFill="1" applyBorder="1" applyAlignment="1">
      <alignment horizontal="distributed" justifyLastLine="1"/>
    </xf>
    <xf numFmtId="0" fontId="7" fillId="0" borderId="60" xfId="3" applyFill="1" applyBorder="1" applyAlignment="1">
      <alignment horizontal="distributed" vertical="center" justifyLastLine="1"/>
    </xf>
    <xf numFmtId="38" fontId="4" fillId="0" borderId="62" xfId="2" applyFont="1" applyFill="1" applyBorder="1" applyAlignment="1">
      <alignment horizontal="distributed" vertical="center" justifyLastLine="1"/>
    </xf>
    <xf numFmtId="38" fontId="4" fillId="0" borderId="0" xfId="2" applyFont="1" applyFill="1"/>
    <xf numFmtId="49" fontId="1" fillId="0" borderId="0" xfId="2" applyNumberFormat="1" applyFont="1" applyFill="1"/>
    <xf numFmtId="38" fontId="4" fillId="0" borderId="3" xfId="2" applyFont="1" applyFill="1" applyBorder="1" applyAlignment="1">
      <alignment horizontal="center"/>
    </xf>
    <xf numFmtId="38" fontId="4" fillId="0" borderId="9" xfId="2" applyFont="1" applyFill="1" applyBorder="1" applyAlignment="1">
      <alignment horizontal="center"/>
    </xf>
    <xf numFmtId="4" fontId="4" fillId="0" borderId="9" xfId="2" applyNumberFormat="1" applyFont="1" applyFill="1" applyBorder="1" applyAlignment="1">
      <alignment horizontal="center"/>
    </xf>
    <xf numFmtId="38" fontId="4" fillId="0" borderId="9" xfId="2" applyNumberFormat="1" applyFont="1" applyFill="1" applyBorder="1" applyAlignment="1">
      <alignment horizontal="center"/>
    </xf>
    <xf numFmtId="38" fontId="4" fillId="0" borderId="55" xfId="2" applyFont="1" applyFill="1" applyBorder="1" applyAlignment="1">
      <alignment horizontal="center"/>
    </xf>
    <xf numFmtId="38" fontId="4" fillId="0" borderId="27" xfId="2" applyFont="1" applyFill="1" applyBorder="1" applyAlignment="1">
      <alignment horizontal="center"/>
    </xf>
    <xf numFmtId="38" fontId="4" fillId="0" borderId="63" xfId="2" quotePrefix="1" applyFont="1" applyFill="1" applyBorder="1" applyAlignment="1">
      <alignment horizontal="center"/>
    </xf>
    <xf numFmtId="0" fontId="7" fillId="0" borderId="59" xfId="3" applyFill="1" applyBorder="1" applyAlignment="1">
      <alignment horizontal="distributed" justifyLastLine="1"/>
    </xf>
    <xf numFmtId="0" fontId="4" fillId="0" borderId="60" xfId="3" quotePrefix="1" applyFont="1" applyFill="1" applyBorder="1" applyAlignment="1">
      <alignment horizontal="distributed" justifyLastLine="1"/>
    </xf>
    <xf numFmtId="0" fontId="4" fillId="0" borderId="60" xfId="3" applyFont="1" applyFill="1" applyBorder="1" applyAlignment="1">
      <alignment horizontal="distributed" justifyLastLine="1"/>
    </xf>
    <xf numFmtId="38" fontId="4" fillId="0" borderId="0" xfId="2" quotePrefix="1" applyFont="1" applyFill="1"/>
    <xf numFmtId="40" fontId="4" fillId="0" borderId="2" xfId="2" applyNumberFormat="1" applyFont="1" applyFill="1" applyBorder="1"/>
    <xf numFmtId="178" fontId="4" fillId="0" borderId="3" xfId="2" applyNumberFormat="1" applyFont="1" applyFill="1" applyBorder="1" applyAlignment="1">
      <alignment horizontal="center"/>
    </xf>
    <xf numFmtId="178" fontId="4" fillId="0" borderId="3" xfId="2" applyNumberFormat="1" applyFont="1" applyFill="1" applyBorder="1"/>
    <xf numFmtId="38" fontId="4" fillId="0" borderId="8" xfId="2" applyNumberFormat="1" applyFont="1" applyFill="1" applyBorder="1" applyAlignment="1">
      <alignment horizontal="center"/>
    </xf>
    <xf numFmtId="38" fontId="4" fillId="0" borderId="9" xfId="2" applyFont="1" applyFill="1" applyBorder="1" applyAlignment="1">
      <alignment horizontal="center" wrapText="1"/>
    </xf>
    <xf numFmtId="4" fontId="4" fillId="0" borderId="9" xfId="2" applyNumberFormat="1" applyFont="1" applyFill="1" applyBorder="1" applyAlignment="1">
      <alignment horizontal="center" wrapText="1"/>
    </xf>
    <xf numFmtId="40" fontId="4" fillId="0" borderId="9" xfId="2" applyNumberFormat="1" applyFont="1" applyFill="1" applyBorder="1" applyAlignment="1">
      <alignment horizontal="center" wrapText="1"/>
    </xf>
    <xf numFmtId="178" fontId="4" fillId="0" borderId="9" xfId="2" applyNumberFormat="1" applyFont="1" applyFill="1" applyBorder="1" applyAlignment="1">
      <alignment horizontal="center" wrapText="1"/>
    </xf>
    <xf numFmtId="40" fontId="4" fillId="0" borderId="8" xfId="2" applyNumberFormat="1" applyFont="1" applyFill="1" applyBorder="1"/>
    <xf numFmtId="178" fontId="4" fillId="0" borderId="9" xfId="2" applyNumberFormat="1" applyFont="1" applyFill="1" applyBorder="1" applyAlignment="1">
      <alignment horizontal="center"/>
    </xf>
    <xf numFmtId="178" fontId="4" fillId="0" borderId="9" xfId="2" applyNumberFormat="1" applyFont="1" applyFill="1" applyBorder="1"/>
    <xf numFmtId="38" fontId="4" fillId="0" borderId="43" xfId="2" applyNumberFormat="1" applyFont="1" applyFill="1" applyBorder="1" applyAlignment="1">
      <alignment horizontal="center"/>
    </xf>
    <xf numFmtId="38" fontId="4" fillId="0" borderId="10" xfId="2" applyFont="1" applyFill="1" applyBorder="1" applyAlignment="1">
      <alignment horizontal="center"/>
    </xf>
    <xf numFmtId="4" fontId="4" fillId="0" borderId="10" xfId="2" applyNumberFormat="1" applyFont="1" applyFill="1" applyBorder="1" applyAlignment="1">
      <alignment horizontal="center"/>
    </xf>
    <xf numFmtId="40" fontId="4" fillId="0" borderId="10" xfId="2" applyNumberFormat="1" applyFont="1" applyFill="1" applyBorder="1" applyAlignment="1">
      <alignment horizontal="center"/>
    </xf>
    <xf numFmtId="178" fontId="4" fillId="0" borderId="10" xfId="2" applyNumberFormat="1" applyFont="1" applyFill="1" applyBorder="1" applyAlignment="1">
      <alignment horizontal="center"/>
    </xf>
    <xf numFmtId="38" fontId="4" fillId="0" borderId="49" xfId="2" applyNumberFormat="1" applyFont="1" applyFill="1" applyBorder="1" applyAlignment="1">
      <alignment horizontal="center"/>
    </xf>
    <xf numFmtId="38" fontId="4" fillId="0" borderId="21" xfId="2" applyFont="1" applyFill="1" applyBorder="1" applyAlignment="1">
      <alignment horizontal="center"/>
    </xf>
    <xf numFmtId="4" fontId="4" fillId="0" borderId="21" xfId="2" applyNumberFormat="1" applyFont="1" applyFill="1" applyBorder="1" applyAlignment="1">
      <alignment horizontal="center"/>
    </xf>
    <xf numFmtId="40" fontId="4" fillId="0" borderId="21" xfId="2" applyNumberFormat="1" applyFont="1" applyFill="1" applyBorder="1" applyAlignment="1">
      <alignment horizontal="center"/>
    </xf>
    <xf numFmtId="178" fontId="4" fillId="0" borderId="21" xfId="2" applyNumberFormat="1" applyFont="1" applyFill="1" applyBorder="1" applyAlignment="1">
      <alignment horizontal="center"/>
    </xf>
    <xf numFmtId="38" fontId="4" fillId="0" borderId="53" xfId="2" applyNumberFormat="1" applyFont="1" applyFill="1" applyBorder="1" applyAlignment="1">
      <alignment horizontal="center"/>
    </xf>
    <xf numFmtId="38" fontId="4" fillId="0" borderId="26" xfId="2" applyFont="1" applyFill="1" applyBorder="1" applyAlignment="1">
      <alignment horizontal="center"/>
    </xf>
    <xf numFmtId="4" fontId="4" fillId="0" borderId="26" xfId="2" applyNumberFormat="1" applyFont="1" applyFill="1" applyBorder="1" applyAlignment="1">
      <alignment horizontal="center"/>
    </xf>
    <xf numFmtId="40" fontId="4" fillId="0" borderId="26" xfId="2" applyNumberFormat="1" applyFont="1" applyFill="1" applyBorder="1" applyAlignment="1">
      <alignment horizontal="center"/>
    </xf>
    <xf numFmtId="178" fontId="4" fillId="0" borderId="26" xfId="2" applyNumberFormat="1" applyFont="1" applyFill="1" applyBorder="1" applyAlignment="1">
      <alignment horizontal="center"/>
    </xf>
    <xf numFmtId="40" fontId="4" fillId="0" borderId="8" xfId="2" applyNumberFormat="1" applyFont="1" applyFill="1" applyBorder="1" applyAlignment="1">
      <alignment horizontal="center"/>
    </xf>
    <xf numFmtId="40" fontId="4" fillId="0" borderId="9" xfId="2" applyNumberFormat="1" applyFont="1" applyFill="1" applyBorder="1" applyAlignment="1">
      <alignment horizontal="center"/>
    </xf>
    <xf numFmtId="4" fontId="4" fillId="0" borderId="43" xfId="2" applyNumberFormat="1" applyFont="1" applyFill="1" applyBorder="1" applyAlignment="1">
      <alignment horizontal="center"/>
    </xf>
    <xf numFmtId="178" fontId="4" fillId="0" borderId="10" xfId="2" applyNumberFormat="1" applyFont="1" applyFill="1" applyBorder="1"/>
    <xf numFmtId="4" fontId="4" fillId="0" borderId="49" xfId="2" applyNumberFormat="1" applyFont="1" applyFill="1" applyBorder="1" applyAlignment="1">
      <alignment horizontal="center"/>
    </xf>
    <xf numFmtId="178" fontId="4" fillId="0" borderId="21" xfId="2" applyNumberFormat="1" applyFont="1" applyFill="1" applyBorder="1"/>
    <xf numFmtId="0" fontId="7" fillId="0" borderId="37" xfId="3" applyFill="1" applyBorder="1" applyAlignment="1">
      <alignment horizontal="distributed" justifyLastLine="1"/>
    </xf>
    <xf numFmtId="38" fontId="11" fillId="0" borderId="0" xfId="2" quotePrefix="1" applyFont="1" applyFill="1"/>
    <xf numFmtId="4" fontId="4" fillId="0" borderId="2" xfId="2" applyNumberFormat="1" applyFont="1" applyFill="1" applyBorder="1" applyAlignment="1">
      <alignment horizontal="right"/>
    </xf>
    <xf numFmtId="4" fontId="4" fillId="0" borderId="3" xfId="2" applyNumberFormat="1" applyFont="1" applyFill="1" applyBorder="1" applyAlignment="1">
      <alignment horizontal="right"/>
    </xf>
    <xf numFmtId="4" fontId="4" fillId="0" borderId="8" xfId="2" applyNumberFormat="1" applyFont="1" applyFill="1" applyBorder="1" applyAlignment="1">
      <alignment horizontal="right"/>
    </xf>
    <xf numFmtId="4" fontId="4" fillId="0" borderId="9" xfId="2" applyNumberFormat="1" applyFont="1" applyFill="1" applyBorder="1" applyAlignment="1">
      <alignment horizontal="right"/>
    </xf>
    <xf numFmtId="4" fontId="4" fillId="0" borderId="43" xfId="2" applyNumberFormat="1" applyFont="1" applyFill="1" applyBorder="1" applyAlignment="1">
      <alignment horizontal="right"/>
    </xf>
    <xf numFmtId="4" fontId="4" fillId="0" borderId="10" xfId="2" applyNumberFormat="1" applyFont="1" applyFill="1" applyBorder="1" applyAlignment="1">
      <alignment horizontal="right"/>
    </xf>
    <xf numFmtId="38" fontId="4" fillId="0" borderId="10" xfId="2" applyNumberFormat="1" applyFont="1" applyFill="1" applyBorder="1" applyAlignment="1">
      <alignment horizontal="right"/>
    </xf>
    <xf numFmtId="4" fontId="4" fillId="0" borderId="49" xfId="2" applyNumberFormat="1" applyFont="1" applyFill="1" applyBorder="1" applyAlignment="1">
      <alignment horizontal="right"/>
    </xf>
    <xf numFmtId="4" fontId="4" fillId="0" borderId="21" xfId="2" applyNumberFormat="1" applyFont="1" applyFill="1" applyBorder="1" applyAlignment="1">
      <alignment horizontal="right"/>
    </xf>
    <xf numFmtId="38" fontId="4" fillId="0" borderId="21" xfId="2" applyNumberFormat="1" applyFont="1" applyFill="1" applyBorder="1" applyAlignment="1">
      <alignment horizontal="right"/>
    </xf>
    <xf numFmtId="4" fontId="4" fillId="0" borderId="53" xfId="2" applyNumberFormat="1" applyFont="1" applyFill="1" applyBorder="1" applyAlignment="1">
      <alignment horizontal="right"/>
    </xf>
    <xf numFmtId="4" fontId="4" fillId="0" borderId="26" xfId="2" applyNumberFormat="1" applyFont="1" applyFill="1" applyBorder="1" applyAlignment="1">
      <alignment horizontal="right"/>
    </xf>
    <xf numFmtId="38" fontId="4" fillId="0" borderId="26" xfId="2" applyNumberFormat="1" applyFont="1" applyFill="1" applyBorder="1" applyAlignment="1">
      <alignment horizontal="right"/>
    </xf>
    <xf numFmtId="38" fontId="10" fillId="0" borderId="0" xfId="2" applyFont="1" applyFill="1"/>
    <xf numFmtId="38" fontId="13" fillId="0" borderId="0" xfId="2" applyFont="1" applyFill="1"/>
    <xf numFmtId="38" fontId="10" fillId="0" borderId="0" xfId="2" applyFont="1" applyFill="1" applyAlignment="1">
      <alignment horizontal="center"/>
    </xf>
    <xf numFmtId="38" fontId="13" fillId="0" borderId="0" xfId="2" applyFont="1" applyFill="1" applyBorder="1"/>
    <xf numFmtId="38" fontId="13" fillId="0" borderId="0" xfId="2" quotePrefix="1" applyFont="1" applyFill="1" applyBorder="1"/>
    <xf numFmtId="38" fontId="10" fillId="0" borderId="0" xfId="2" applyFont="1" applyFill="1" applyAlignment="1">
      <alignment vertical="center"/>
    </xf>
    <xf numFmtId="38" fontId="17" fillId="0" borderId="64" xfId="2" applyFont="1" applyFill="1" applyBorder="1" applyAlignment="1">
      <alignment horizontal="center" vertical="center"/>
    </xf>
    <xf numFmtId="38" fontId="17" fillId="0" borderId="65" xfId="2" applyFont="1" applyFill="1" applyBorder="1" applyAlignment="1">
      <alignment horizontal="center" vertical="center"/>
    </xf>
    <xf numFmtId="38" fontId="17" fillId="0" borderId="66" xfId="2" applyFont="1" applyFill="1" applyBorder="1" applyAlignment="1">
      <alignment horizontal="center" vertical="center"/>
    </xf>
    <xf numFmtId="38" fontId="17" fillId="0" borderId="67" xfId="2" applyFont="1" applyFill="1" applyBorder="1" applyAlignment="1">
      <alignment horizontal="center" vertical="center"/>
    </xf>
    <xf numFmtId="38" fontId="17" fillId="0" borderId="68" xfId="2" applyFont="1" applyFill="1" applyBorder="1" applyAlignment="1">
      <alignment horizontal="center" vertical="center"/>
    </xf>
    <xf numFmtId="3" fontId="17" fillId="0" borderId="69" xfId="2" applyNumberFormat="1" applyFont="1" applyFill="1" applyBorder="1" applyAlignment="1">
      <alignment vertical="center"/>
    </xf>
    <xf numFmtId="38" fontId="17" fillId="0" borderId="5" xfId="2" applyFont="1" applyFill="1" applyBorder="1" applyAlignment="1">
      <alignment vertical="center"/>
    </xf>
    <xf numFmtId="38" fontId="17" fillId="0" borderId="66" xfId="2" applyFont="1" applyFill="1" applyBorder="1" applyAlignment="1"/>
    <xf numFmtId="38" fontId="17" fillId="0" borderId="41" xfId="2" applyFont="1" applyFill="1" applyBorder="1" applyAlignment="1">
      <alignment vertical="center"/>
    </xf>
    <xf numFmtId="38" fontId="17" fillId="0" borderId="66" xfId="2" applyFont="1" applyFill="1" applyBorder="1"/>
    <xf numFmtId="3" fontId="17" fillId="0" borderId="41" xfId="2" applyNumberFormat="1" applyFont="1" applyFill="1" applyBorder="1" applyAlignment="1">
      <alignment vertical="center"/>
    </xf>
    <xf numFmtId="38" fontId="17" fillId="0" borderId="5" xfId="2" applyFont="1" applyFill="1" applyBorder="1"/>
    <xf numFmtId="38" fontId="17" fillId="0" borderId="3" xfId="2" applyFont="1" applyFill="1" applyBorder="1"/>
    <xf numFmtId="38" fontId="4" fillId="0" borderId="45" xfId="2" applyFont="1" applyFill="1" applyBorder="1" applyAlignment="1">
      <alignment horizontal="distributed" justifyLastLine="1"/>
    </xf>
    <xf numFmtId="38" fontId="4" fillId="0" borderId="7" xfId="2" applyFont="1" applyFill="1" applyBorder="1" applyAlignment="1">
      <alignment horizontal="distributed" justifyLastLine="1"/>
    </xf>
    <xf numFmtId="38" fontId="17" fillId="0" borderId="8" xfId="2" applyFont="1" applyFill="1" applyBorder="1" applyAlignment="1">
      <alignment horizontal="center" vertical="center"/>
    </xf>
    <xf numFmtId="38" fontId="17" fillId="0" borderId="70" xfId="2" applyFont="1" applyFill="1" applyBorder="1" applyAlignment="1">
      <alignment horizontal="center" vertical="center"/>
    </xf>
    <xf numFmtId="38" fontId="17" fillId="0" borderId="71" xfId="2" applyFont="1" applyFill="1" applyBorder="1" applyAlignment="1">
      <alignment horizontal="center" vertical="center"/>
    </xf>
    <xf numFmtId="38" fontId="17" fillId="0" borderId="11" xfId="2" applyFont="1" applyFill="1" applyBorder="1" applyAlignment="1">
      <alignment horizontal="center" vertical="center"/>
    </xf>
    <xf numFmtId="3" fontId="17" fillId="0" borderId="72" xfId="2" applyNumberFormat="1" applyFont="1" applyFill="1" applyBorder="1" applyAlignment="1">
      <alignment vertical="center"/>
    </xf>
    <xf numFmtId="38" fontId="17" fillId="0" borderId="9" xfId="2" applyFont="1" applyFill="1" applyBorder="1" applyAlignment="1">
      <alignment vertical="center"/>
    </xf>
    <xf numFmtId="38" fontId="17" fillId="0" borderId="71" xfId="2" applyFont="1" applyFill="1" applyBorder="1" applyAlignment="1"/>
    <xf numFmtId="38" fontId="17" fillId="0" borderId="9" xfId="2" applyFont="1" applyFill="1" applyBorder="1" applyAlignment="1"/>
    <xf numFmtId="38" fontId="17" fillId="0" borderId="11" xfId="2" applyFont="1" applyFill="1" applyBorder="1" applyAlignment="1">
      <alignment vertical="center"/>
    </xf>
    <xf numFmtId="38" fontId="17" fillId="0" borderId="71" xfId="2" applyFont="1" applyFill="1" applyBorder="1"/>
    <xf numFmtId="3" fontId="17" fillId="0" borderId="11" xfId="2" applyNumberFormat="1" applyFont="1" applyFill="1" applyBorder="1" applyAlignment="1">
      <alignment vertical="center"/>
    </xf>
    <xf numFmtId="38" fontId="17" fillId="0" borderId="9" xfId="2" applyFont="1" applyFill="1" applyBorder="1"/>
    <xf numFmtId="38" fontId="4" fillId="0" borderId="46" xfId="2" applyFont="1" applyFill="1" applyBorder="1" applyAlignment="1">
      <alignment horizontal="distributed" justifyLastLine="1"/>
    </xf>
    <xf numFmtId="38" fontId="4" fillId="0" borderId="12" xfId="2" applyFont="1" applyFill="1" applyBorder="1" applyAlignment="1">
      <alignment horizontal="distributed" justifyLastLine="1"/>
    </xf>
    <xf numFmtId="38" fontId="17" fillId="0" borderId="73" xfId="2" applyFont="1" applyFill="1" applyBorder="1" applyAlignment="1">
      <alignment horizontal="center" vertical="center"/>
    </xf>
    <xf numFmtId="38" fontId="17" fillId="0" borderId="74" xfId="2" applyFont="1" applyFill="1" applyBorder="1" applyAlignment="1">
      <alignment horizontal="center" vertical="center"/>
    </xf>
    <xf numFmtId="38" fontId="17" fillId="0" borderId="75" xfId="2" applyFont="1" applyFill="1" applyBorder="1" applyAlignment="1">
      <alignment horizontal="center" vertical="center"/>
    </xf>
    <xf numFmtId="38" fontId="17" fillId="0" borderId="0" xfId="2" applyFont="1" applyFill="1" applyBorder="1" applyAlignment="1">
      <alignment horizontal="center" vertical="center"/>
    </xf>
    <xf numFmtId="3" fontId="17" fillId="0" borderId="76" xfId="2" applyNumberFormat="1" applyFont="1" applyFill="1" applyBorder="1" applyAlignment="1">
      <alignment vertical="center"/>
    </xf>
    <xf numFmtId="38" fontId="17" fillId="0" borderId="13" xfId="2" applyFont="1" applyFill="1" applyBorder="1" applyAlignment="1">
      <alignment vertical="center"/>
    </xf>
    <xf numFmtId="38" fontId="17" fillId="0" borderId="77" xfId="2" applyFont="1" applyFill="1" applyBorder="1" applyAlignment="1"/>
    <xf numFmtId="38" fontId="17" fillId="0" borderId="0" xfId="2" applyFont="1" applyFill="1" applyBorder="1" applyAlignment="1">
      <alignment vertical="center"/>
    </xf>
    <xf numFmtId="38" fontId="17" fillId="0" borderId="42" xfId="2" applyFont="1" applyFill="1" applyBorder="1" applyAlignment="1">
      <alignment vertical="center"/>
    </xf>
    <xf numFmtId="38" fontId="17" fillId="0" borderId="77" xfId="2" applyFont="1" applyFill="1" applyBorder="1"/>
    <xf numFmtId="3" fontId="17" fillId="0" borderId="0" xfId="2" applyNumberFormat="1" applyFont="1" applyFill="1" applyBorder="1" applyAlignment="1">
      <alignment vertical="center"/>
    </xf>
    <xf numFmtId="38" fontId="17" fillId="0" borderId="42" xfId="2" applyFont="1" applyFill="1" applyBorder="1"/>
    <xf numFmtId="38" fontId="10" fillId="0" borderId="0" xfId="2" applyFont="1" applyFill="1" applyAlignment="1"/>
    <xf numFmtId="0" fontId="17" fillId="0" borderId="18" xfId="3" applyFont="1" applyFill="1" applyBorder="1" applyAlignment="1">
      <alignment horizontal="center"/>
    </xf>
    <xf numFmtId="0" fontId="17" fillId="0" borderId="78" xfId="3" applyFont="1" applyFill="1" applyBorder="1"/>
    <xf numFmtId="0" fontId="17" fillId="0" borderId="17" xfId="3" applyFont="1" applyFill="1" applyBorder="1"/>
    <xf numFmtId="0" fontId="17" fillId="0" borderId="79" xfId="3" applyFont="1" applyFill="1" applyBorder="1"/>
    <xf numFmtId="3" fontId="17" fillId="0" borderId="80" xfId="2" applyNumberFormat="1" applyFont="1" applyFill="1" applyBorder="1" applyAlignment="1"/>
    <xf numFmtId="38" fontId="17" fillId="0" borderId="14" xfId="2" applyFont="1" applyFill="1" applyBorder="1" applyAlignment="1"/>
    <xf numFmtId="38" fontId="17" fillId="0" borderId="75" xfId="2" applyFont="1" applyFill="1" applyBorder="1" applyAlignment="1"/>
    <xf numFmtId="38" fontId="17" fillId="0" borderId="10" xfId="2" applyFont="1" applyFill="1" applyBorder="1" applyAlignment="1"/>
    <xf numFmtId="3" fontId="17" fillId="0" borderId="32" xfId="2" applyNumberFormat="1" applyFont="1" applyFill="1" applyBorder="1" applyAlignment="1"/>
    <xf numFmtId="179" fontId="17" fillId="0" borderId="22" xfId="2" applyNumberFormat="1" applyFont="1" applyFill="1" applyBorder="1" applyProtection="1">
      <protection locked="0"/>
    </xf>
    <xf numFmtId="38" fontId="17" fillId="0" borderId="21" xfId="2" applyNumberFormat="1" applyFont="1" applyFill="1" applyBorder="1" applyProtection="1">
      <protection locked="0"/>
    </xf>
    <xf numFmtId="38" fontId="17" fillId="0" borderId="22" xfId="2" applyFont="1" applyFill="1" applyBorder="1"/>
    <xf numFmtId="38" fontId="17" fillId="0" borderId="21" xfId="2" applyFont="1" applyFill="1" applyBorder="1"/>
    <xf numFmtId="38" fontId="17" fillId="0" borderId="22" xfId="2" applyFont="1" applyFill="1" applyBorder="1" applyAlignment="1"/>
    <xf numFmtId="38" fontId="18" fillId="0" borderId="31" xfId="2" applyFont="1" applyFill="1" applyBorder="1" applyAlignment="1"/>
    <xf numFmtId="38" fontId="10" fillId="0" borderId="29" xfId="2" applyFont="1" applyFill="1" applyBorder="1" applyAlignment="1"/>
    <xf numFmtId="0" fontId="17" fillId="0" borderId="20" xfId="3" applyFont="1" applyFill="1" applyBorder="1" applyAlignment="1">
      <alignment horizontal="center"/>
    </xf>
    <xf numFmtId="0" fontId="17" fillId="0" borderId="81" xfId="3" applyFont="1" applyFill="1" applyBorder="1"/>
    <xf numFmtId="0" fontId="17" fillId="0" borderId="22" xfId="3" applyFont="1" applyFill="1" applyBorder="1"/>
    <xf numFmtId="3" fontId="17" fillId="0" borderId="82" xfId="2" applyNumberFormat="1" applyFont="1" applyFill="1" applyBorder="1" applyAlignment="1"/>
    <xf numFmtId="38" fontId="17" fillId="0" borderId="24" xfId="2" applyFont="1" applyFill="1" applyBorder="1" applyAlignment="1"/>
    <xf numFmtId="38" fontId="17" fillId="0" borderId="27" xfId="2" applyFont="1" applyFill="1" applyBorder="1" applyAlignment="1"/>
    <xf numFmtId="3" fontId="17" fillId="0" borderId="83" xfId="2" applyNumberFormat="1" applyFont="1" applyFill="1" applyBorder="1" applyAlignment="1"/>
    <xf numFmtId="38" fontId="18" fillId="0" borderId="84" xfId="2" applyFont="1" applyFill="1" applyBorder="1" applyAlignment="1"/>
    <xf numFmtId="38" fontId="10" fillId="0" borderId="25" xfId="2" applyFont="1" applyFill="1" applyBorder="1" applyAlignment="1"/>
    <xf numFmtId="0" fontId="17" fillId="0" borderId="47" xfId="3" applyFont="1" applyFill="1" applyBorder="1" applyAlignment="1">
      <alignment horizontal="center"/>
    </xf>
    <xf numFmtId="0" fontId="17" fillId="0" borderId="85" xfId="3" applyFont="1" applyFill="1" applyBorder="1"/>
    <xf numFmtId="0" fontId="17" fillId="0" borderId="86" xfId="3" applyFont="1" applyFill="1" applyBorder="1"/>
    <xf numFmtId="3" fontId="17" fillId="0" borderId="87" xfId="2" applyNumberFormat="1" applyFont="1" applyFill="1" applyBorder="1" applyAlignment="1"/>
    <xf numFmtId="38" fontId="17" fillId="0" borderId="26" xfId="2" applyFont="1" applyFill="1" applyBorder="1" applyAlignment="1"/>
    <xf numFmtId="38" fontId="17" fillId="0" borderId="86" xfId="2" applyFont="1" applyFill="1" applyBorder="1" applyAlignment="1"/>
    <xf numFmtId="3" fontId="17" fillId="0" borderId="88" xfId="2" applyNumberFormat="1" applyFont="1" applyFill="1" applyBorder="1" applyAlignment="1"/>
    <xf numFmtId="179" fontId="17" fillId="0" borderId="27" xfId="2" applyNumberFormat="1" applyFont="1" applyFill="1" applyBorder="1" applyProtection="1">
      <protection locked="0"/>
    </xf>
    <xf numFmtId="38" fontId="17" fillId="0" borderId="27" xfId="2" applyFont="1" applyFill="1" applyBorder="1"/>
    <xf numFmtId="38" fontId="18" fillId="0" borderId="26" xfId="2" applyFont="1" applyFill="1" applyBorder="1" applyAlignment="1"/>
    <xf numFmtId="179" fontId="17" fillId="0" borderId="17" xfId="2" applyNumberFormat="1" applyFont="1" applyFill="1" applyBorder="1" applyProtection="1">
      <protection locked="0"/>
    </xf>
    <xf numFmtId="38" fontId="17" fillId="0" borderId="10" xfId="2" applyNumberFormat="1" applyFont="1" applyFill="1" applyBorder="1" applyProtection="1">
      <protection locked="0"/>
    </xf>
    <xf numFmtId="38" fontId="17" fillId="0" borderId="17" xfId="2" applyFont="1" applyFill="1" applyBorder="1"/>
    <xf numFmtId="38" fontId="17" fillId="0" borderId="10" xfId="2" applyFont="1" applyFill="1" applyBorder="1"/>
    <xf numFmtId="38" fontId="17" fillId="0" borderId="17" xfId="2" applyFont="1" applyFill="1" applyBorder="1" applyAlignment="1"/>
    <xf numFmtId="38" fontId="18" fillId="0" borderId="89" xfId="2" applyFont="1" applyFill="1" applyBorder="1" applyAlignment="1"/>
    <xf numFmtId="0" fontId="17" fillId="0" borderId="23" xfId="3" applyFont="1" applyFill="1" applyBorder="1" applyAlignment="1">
      <alignment horizontal="center"/>
    </xf>
    <xf numFmtId="3" fontId="17" fillId="0" borderId="90" xfId="2" applyNumberFormat="1" applyFont="1" applyFill="1" applyBorder="1" applyAlignment="1"/>
    <xf numFmtId="38" fontId="17" fillId="0" borderId="21" xfId="2" applyFont="1" applyFill="1" applyBorder="1" applyAlignment="1"/>
    <xf numFmtId="3" fontId="17" fillId="0" borderId="91" xfId="2" applyNumberFormat="1" applyFont="1" applyFill="1" applyBorder="1" applyAlignment="1"/>
    <xf numFmtId="38" fontId="18" fillId="0" borderId="33" xfId="2" applyFont="1" applyFill="1" applyBorder="1" applyAlignment="1"/>
    <xf numFmtId="0" fontId="17" fillId="0" borderId="92" xfId="3" applyFont="1" applyFill="1" applyBorder="1"/>
    <xf numFmtId="3" fontId="17" fillId="0" borderId="33" xfId="2" applyNumberFormat="1" applyFont="1" applyFill="1" applyBorder="1" applyAlignment="1"/>
    <xf numFmtId="38" fontId="17" fillId="0" borderId="21" xfId="2" applyNumberFormat="1" applyFont="1" applyFill="1" applyBorder="1"/>
    <xf numFmtId="38" fontId="18" fillId="0" borderId="21" xfId="2" applyFont="1" applyFill="1" applyBorder="1" applyAlignment="1"/>
    <xf numFmtId="0" fontId="17" fillId="0" borderId="93" xfId="3" applyFont="1" applyFill="1" applyBorder="1"/>
    <xf numFmtId="0" fontId="17" fillId="0" borderId="27" xfId="3" applyFont="1" applyFill="1" applyBorder="1"/>
    <xf numFmtId="38" fontId="17" fillId="0" borderId="24" xfId="2" applyNumberFormat="1" applyFont="1" applyFill="1" applyBorder="1"/>
    <xf numFmtId="38" fontId="17" fillId="0" borderId="24" xfId="2" applyFont="1" applyFill="1" applyBorder="1"/>
    <xf numFmtId="38" fontId="10" fillId="0" borderId="55" xfId="2" applyFont="1" applyFill="1" applyBorder="1" applyAlignment="1">
      <alignment horizontal="center"/>
    </xf>
    <xf numFmtId="38" fontId="10" fillId="0" borderId="94" xfId="2" applyFont="1" applyFill="1" applyBorder="1" applyAlignment="1">
      <alignment horizontal="center"/>
    </xf>
    <xf numFmtId="38" fontId="10" fillId="0" borderId="27" xfId="2" applyFont="1" applyFill="1" applyBorder="1" applyAlignment="1">
      <alignment horizontal="center"/>
    </xf>
    <xf numFmtId="38" fontId="10" fillId="0" borderId="83" xfId="2" applyFont="1" applyFill="1" applyBorder="1" applyAlignment="1">
      <alignment horizontal="center"/>
    </xf>
    <xf numFmtId="38" fontId="10" fillId="0" borderId="82" xfId="2" applyFont="1" applyFill="1" applyBorder="1" applyAlignment="1">
      <alignment horizontal="center"/>
    </xf>
    <xf numFmtId="0" fontId="10" fillId="0" borderId="27" xfId="4" applyFont="1" applyFill="1" applyBorder="1" applyAlignment="1">
      <alignment horizontal="center"/>
    </xf>
    <xf numFmtId="0" fontId="10" fillId="0" borderId="24" xfId="4" applyFont="1" applyFill="1" applyBorder="1" applyAlignment="1">
      <alignment horizontal="center"/>
    </xf>
    <xf numFmtId="0" fontId="10" fillId="0" borderId="24" xfId="4" quotePrefix="1" applyFont="1" applyFill="1" applyBorder="1" applyAlignment="1">
      <alignment horizontal="center"/>
    </xf>
    <xf numFmtId="38" fontId="10" fillId="0" borderId="89" xfId="2" applyFont="1" applyFill="1" applyBorder="1" applyAlignment="1">
      <alignment horizontal="distributed" vertical="center" justifyLastLine="1"/>
    </xf>
    <xf numFmtId="38" fontId="10" fillId="0" borderId="95" xfId="2" applyFont="1" applyFill="1" applyBorder="1" applyAlignment="1">
      <alignment horizontal="distributed" vertical="center" justifyLastLine="1"/>
    </xf>
    <xf numFmtId="38" fontId="10" fillId="0" borderId="73" xfId="2" applyFont="1" applyFill="1" applyBorder="1" applyAlignment="1">
      <alignment horizontal="center"/>
    </xf>
    <xf numFmtId="38" fontId="10" fillId="0" borderId="33" xfId="2" applyFont="1" applyFill="1" applyBorder="1" applyAlignment="1">
      <alignment horizontal="distributed" justifyLastLine="1"/>
    </xf>
    <xf numFmtId="38" fontId="10" fillId="0" borderId="22" xfId="2" applyFont="1" applyFill="1" applyBorder="1" applyAlignment="1">
      <alignment horizontal="distributed" justifyLastLine="1"/>
    </xf>
    <xf numFmtId="38" fontId="10" fillId="0" borderId="92" xfId="2" applyFont="1" applyFill="1" applyBorder="1" applyAlignment="1">
      <alignment horizontal="distributed" justifyLastLine="1"/>
    </xf>
    <xf numFmtId="38" fontId="10" fillId="0" borderId="0" xfId="2" quotePrefix="1" applyFont="1" applyFill="1" applyBorder="1" applyAlignment="1">
      <alignment horizontal="center"/>
    </xf>
    <xf numFmtId="38" fontId="10" fillId="0" borderId="75" xfId="2" applyFont="1" applyFill="1" applyBorder="1" applyAlignment="1">
      <alignment horizontal="center"/>
    </xf>
    <xf numFmtId="38" fontId="10" fillId="0" borderId="34" xfId="2" applyFont="1" applyFill="1" applyBorder="1" applyAlignment="1">
      <alignment horizontal="distributed" vertical="center" justifyLastLine="1"/>
    </xf>
    <xf numFmtId="38" fontId="10" fillId="0" borderId="28" xfId="2" applyFont="1" applyFill="1" applyBorder="1" applyAlignment="1">
      <alignment horizontal="distributed" vertical="center" justifyLastLine="1"/>
    </xf>
    <xf numFmtId="38" fontId="4" fillId="0" borderId="20" xfId="2" applyFont="1" applyFill="1" applyBorder="1" applyAlignment="1">
      <alignment horizontal="center" vertical="center"/>
    </xf>
    <xf numFmtId="38" fontId="4" fillId="0" borderId="83" xfId="2" applyFont="1" applyFill="1" applyBorder="1" applyAlignment="1">
      <alignment horizontal="center" vertical="center"/>
    </xf>
    <xf numFmtId="38" fontId="4" fillId="0" borderId="96" xfId="2" applyFont="1" applyFill="1" applyBorder="1" applyAlignment="1">
      <alignment horizontal="center" vertical="center"/>
    </xf>
    <xf numFmtId="38" fontId="10" fillId="0" borderId="82" xfId="2" applyFont="1" applyFill="1" applyBorder="1" applyAlignment="1">
      <alignment horizontal="center" vertical="center"/>
    </xf>
    <xf numFmtId="38" fontId="10" fillId="0" borderId="83" xfId="2" applyFont="1" applyFill="1" applyBorder="1" applyAlignment="1">
      <alignment horizontal="center" vertical="center"/>
    </xf>
    <xf numFmtId="38" fontId="10" fillId="0" borderId="27" xfId="2" applyFont="1" applyFill="1" applyBorder="1" applyAlignment="1">
      <alignment horizontal="center" vertical="center"/>
    </xf>
    <xf numFmtId="38" fontId="10" fillId="0" borderId="89" xfId="2" applyFont="1" applyFill="1" applyBorder="1" applyAlignment="1">
      <alignment horizontal="center" vertical="center"/>
    </xf>
    <xf numFmtId="38" fontId="10" fillId="0" borderId="97" xfId="2" applyFont="1" applyFill="1" applyBorder="1" applyAlignment="1">
      <alignment horizontal="center"/>
    </xf>
    <xf numFmtId="38" fontId="10" fillId="0" borderId="98" xfId="2" applyFont="1" applyFill="1" applyBorder="1" applyAlignment="1">
      <alignment horizontal="center"/>
    </xf>
    <xf numFmtId="38" fontId="10" fillId="0" borderId="99" xfId="2" applyFont="1" applyFill="1" applyBorder="1" applyAlignment="1">
      <alignment horizontal="center"/>
    </xf>
    <xf numFmtId="38" fontId="4" fillId="0" borderId="100" xfId="2" applyFont="1" applyFill="1" applyBorder="1" applyAlignment="1">
      <alignment horizontal="center" vertical="center"/>
    </xf>
    <xf numFmtId="38" fontId="4" fillId="0" borderId="1" xfId="2" applyFont="1" applyFill="1" applyBorder="1" applyAlignment="1">
      <alignment horizontal="center" vertical="center"/>
    </xf>
    <xf numFmtId="38" fontId="4" fillId="0" borderId="101" xfId="2" applyFont="1" applyFill="1" applyBorder="1" applyAlignment="1">
      <alignment horizontal="center" vertical="center"/>
    </xf>
    <xf numFmtId="38" fontId="10" fillId="0" borderId="102" xfId="2" applyFont="1" applyFill="1" applyBorder="1" applyAlignment="1">
      <alignment horizontal="center" vertical="center"/>
    </xf>
    <xf numFmtId="38" fontId="10" fillId="0" borderId="1" xfId="2" applyFont="1" applyFill="1" applyBorder="1" applyAlignment="1">
      <alignment horizontal="center" vertical="center"/>
    </xf>
    <xf numFmtId="38" fontId="10" fillId="0" borderId="103" xfId="2" applyFont="1" applyFill="1" applyBorder="1" applyAlignment="1">
      <alignment horizontal="center" vertical="center"/>
    </xf>
    <xf numFmtId="38" fontId="10" fillId="0" borderId="38" xfId="2" applyFont="1" applyFill="1" applyBorder="1" applyAlignment="1">
      <alignment horizontal="center" vertical="center"/>
    </xf>
    <xf numFmtId="38" fontId="10" fillId="0" borderId="104" xfId="2" applyFont="1" applyFill="1" applyBorder="1" applyAlignment="1">
      <alignment horizontal="center"/>
    </xf>
    <xf numFmtId="38" fontId="10" fillId="0" borderId="105" xfId="2" applyFont="1" applyFill="1" applyBorder="1" applyAlignment="1">
      <alignment horizontal="center"/>
    </xf>
    <xf numFmtId="38" fontId="10" fillId="0" borderId="106" xfId="2" applyFont="1" applyFill="1" applyBorder="1" applyAlignment="1">
      <alignment horizontal="center"/>
    </xf>
    <xf numFmtId="38" fontId="10" fillId="0" borderId="38" xfId="2" applyFont="1" applyFill="1" applyBorder="1" applyAlignment="1">
      <alignment horizontal="distributed" vertical="center" justifyLastLine="1"/>
    </xf>
    <xf numFmtId="38" fontId="10" fillId="0" borderId="39" xfId="2" applyFont="1" applyFill="1" applyBorder="1" applyAlignment="1">
      <alignment horizontal="distributed" vertical="center" justifyLastLine="1"/>
    </xf>
    <xf numFmtId="38" fontId="12" fillId="0" borderId="0" xfId="2" applyFont="1" applyFill="1"/>
    <xf numFmtId="38" fontId="19" fillId="0" borderId="0" xfId="2" applyFont="1" applyFill="1"/>
    <xf numFmtId="38" fontId="20" fillId="0" borderId="0" xfId="2" applyFont="1" applyFill="1" applyAlignment="1">
      <alignment horizontal="left"/>
    </xf>
    <xf numFmtId="38" fontId="10" fillId="0" borderId="0" xfId="2" applyFont="1" applyFill="1" applyBorder="1" applyAlignment="1">
      <alignment horizontal="center"/>
    </xf>
    <xf numFmtId="38" fontId="11" fillId="0" borderId="0" xfId="2" applyFont="1" applyFill="1" applyBorder="1"/>
    <xf numFmtId="38" fontId="10" fillId="0" borderId="0" xfId="2" applyFont="1" applyFill="1" applyBorder="1"/>
    <xf numFmtId="38" fontId="16" fillId="0" borderId="0" xfId="2" applyFont="1" applyFill="1" applyBorder="1"/>
    <xf numFmtId="38" fontId="15" fillId="0" borderId="0" xfId="2" quotePrefix="1" applyFont="1" applyFill="1" applyBorder="1"/>
    <xf numFmtId="38" fontId="10" fillId="0" borderId="0" xfId="2" quotePrefix="1" applyFont="1" applyFill="1" applyBorder="1"/>
    <xf numFmtId="38" fontId="13" fillId="0" borderId="0" xfId="2" applyFont="1" applyFill="1" applyBorder="1" applyAlignment="1">
      <alignment horizontal="center"/>
    </xf>
    <xf numFmtId="38" fontId="12" fillId="0" borderId="0" xfId="2" applyFont="1" applyFill="1" applyBorder="1" applyAlignment="1">
      <alignment horizontal="center"/>
    </xf>
    <xf numFmtId="38" fontId="12" fillId="0" borderId="0" xfId="2" applyFont="1" applyFill="1" applyBorder="1"/>
    <xf numFmtId="38" fontId="6" fillId="0" borderId="0" xfId="2" applyFont="1" applyFill="1"/>
    <xf numFmtId="38" fontId="4" fillId="0" borderId="0" xfId="2" applyFont="1" applyFill="1" applyBorder="1"/>
    <xf numFmtId="0" fontId="4" fillId="0" borderId="0" xfId="2" quotePrefix="1" applyNumberFormat="1" applyFont="1" applyFill="1"/>
    <xf numFmtId="38" fontId="4" fillId="0" borderId="0" xfId="2" applyFont="1" applyFill="1" applyAlignment="1">
      <alignment vertical="center"/>
    </xf>
    <xf numFmtId="38" fontId="4" fillId="0" borderId="0" xfId="2" applyFont="1" applyFill="1" applyAlignment="1">
      <alignment horizontal="center"/>
    </xf>
    <xf numFmtId="49" fontId="4" fillId="0" borderId="0" xfId="2" applyNumberFormat="1" applyFont="1" applyFill="1"/>
    <xf numFmtId="38" fontId="9" fillId="0" borderId="0" xfId="2" applyFont="1" applyFill="1"/>
    <xf numFmtId="38" fontId="4" fillId="0" borderId="107" xfId="2" applyFont="1" applyFill="1" applyBorder="1"/>
    <xf numFmtId="38" fontId="4" fillId="0" borderId="103" xfId="2" applyFont="1" applyFill="1" applyBorder="1"/>
    <xf numFmtId="49" fontId="4" fillId="0" borderId="38" xfId="2" applyNumberFormat="1" applyFont="1" applyFill="1" applyBorder="1"/>
    <xf numFmtId="49" fontId="2" fillId="0" borderId="0" xfId="0" applyNumberFormat="1" applyFont="1" applyFill="1" applyAlignment="1"/>
    <xf numFmtId="49" fontId="0" fillId="0" borderId="0" xfId="2" applyNumberFormat="1" applyFont="1" applyFill="1"/>
  </cellXfs>
  <cellStyles count="5">
    <cellStyle name="桁区切り" xfId="1" builtinId="6"/>
    <cellStyle name="桁区切り 2" xfId="2"/>
    <cellStyle name="標準" xfId="0" builtinId="0"/>
    <cellStyle name="標準 2" xfId="3"/>
    <cellStyle name="標準_レセ効果_1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2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3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9</xdr:col>
      <xdr:colOff>219075</xdr:colOff>
      <xdr:row>22</xdr:row>
      <xdr:rowOff>0</xdr:rowOff>
    </xdr:from>
    <xdr:ext cx="76200" cy="209550"/>
    <xdr:sp macro="" textlink="">
      <xdr:nvSpPr>
        <xdr:cNvPr id="2" name="Text Box 3"/>
        <xdr:cNvSpPr txBox="1">
          <a:spLocks noChangeArrowheads="1"/>
        </xdr:cNvSpPr>
      </xdr:nvSpPr>
      <xdr:spPr bwMode="auto">
        <a:xfrm>
          <a:off x="11946255" y="368808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9</xdr:col>
      <xdr:colOff>28575</xdr:colOff>
      <xdr:row>22</xdr:row>
      <xdr:rowOff>28575</xdr:rowOff>
    </xdr:from>
    <xdr:ext cx="76200" cy="209550"/>
    <xdr:sp macro="" textlink="">
      <xdr:nvSpPr>
        <xdr:cNvPr id="3" name="Text Box 4"/>
        <xdr:cNvSpPr txBox="1">
          <a:spLocks noChangeArrowheads="1"/>
        </xdr:cNvSpPr>
      </xdr:nvSpPr>
      <xdr:spPr bwMode="auto">
        <a:xfrm>
          <a:off x="11755755" y="371665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R2&#19968;&#33324;&#29366;&#27841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R2&#21336;&#29420;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group/g1385002/13%20&#32113;&#35336;/02%20&#20107;&#26989;&#29366;&#27841;/R02&#24180;&#24230;&#20998;/02_&#21407;&#31295;/03_&#9313;&#32113;&#35336;/R2&#21336;&#2942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加入率"/>
      <sheetName val="年齢階層"/>
      <sheetName val="構成割合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実態調査"/>
      <sheetName val="（済）総所得※"/>
      <sheetName val="（済 ）一人調定"/>
      <sheetName val="（済）一世帯"/>
      <sheetName val="（済）負担率"/>
      <sheetName val="(済)現年"/>
      <sheetName val="（済）滞繰"/>
      <sheetName val="（済）現繰"/>
      <sheetName val="【済】総諸費"/>
      <sheetName val="【済】一諸費"/>
      <sheetName val="【済】退諸費"/>
      <sheetName val="【済】前期諸費"/>
      <sheetName val="(済)レセ効果"/>
      <sheetName val="（済）保健事業"/>
      <sheetName val="（済）繰入額"/>
      <sheetName val="特定健診（新様式）"/>
      <sheetName val="保健指導（終了者）"/>
      <sheetName val="1特定健診（新様式）"/>
      <sheetName val="（済）特定保健指導（終了者）"/>
      <sheetName val="特定保健指導（終了者） (新様式)"/>
      <sheetName val="(未)全国データ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【済】第9-1表（医療）"/>
      <sheetName val="【済】第9-2表（後期）"/>
      <sheetName val="【済】第9-3表（介護）"/>
      <sheetName val="(済)年齢階層"/>
      <sheetName val="実態調査"/>
      <sheetName val="（済）総所得※"/>
      <sheetName val="（済 ）一人調定"/>
      <sheetName val="（済）一世帯"/>
      <sheetName val="（済）負担率"/>
      <sheetName val="(済)現年"/>
      <sheetName val="（済）滞繰"/>
      <sheetName val="（済）現繰"/>
      <sheetName val="（済）保健事業"/>
      <sheetName val="（済）繰入額"/>
      <sheetName val="特定健診（新様式）"/>
      <sheetName val="保健指導（終了者）"/>
      <sheetName val="1特定健診（新様式）"/>
      <sheetName val="（済）特定保健指導（終了者）"/>
      <sheetName val="特定保健指導（終了者） (新様式)"/>
      <sheetName val="(未)全国データ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279"/>
  <sheetViews>
    <sheetView tabSelected="1" zoomScaleNormal="100" zoomScaleSheetLayoutView="100" workbookViewId="0">
      <selection activeCell="S1" sqref="S1"/>
    </sheetView>
  </sheetViews>
  <sheetFormatPr defaultColWidth="9" defaultRowHeight="15.75" customHeight="1" x14ac:dyDescent="0.15"/>
  <cols>
    <col min="1" max="1" width="3.6640625" style="1" customWidth="1"/>
    <col min="2" max="2" width="10" style="1" customWidth="1"/>
    <col min="3" max="3" width="13.109375" style="1" customWidth="1"/>
    <col min="4" max="4" width="4.88671875" style="1" customWidth="1"/>
    <col min="5" max="5" width="13.109375" style="1" customWidth="1"/>
    <col min="6" max="6" width="6.88671875" style="1" customWidth="1"/>
    <col min="7" max="7" width="13.109375" style="1" customWidth="1"/>
    <col min="8" max="8" width="4.88671875" style="1" customWidth="1"/>
    <col min="9" max="9" width="13.109375" style="1" customWidth="1"/>
    <col min="10" max="10" width="4.88671875" style="1" customWidth="1"/>
    <col min="11" max="11" width="13.109375" style="1" customWidth="1"/>
    <col min="12" max="12" width="4.88671875" style="1" customWidth="1"/>
    <col min="13" max="13" width="13.109375" style="1" customWidth="1"/>
    <col min="14" max="14" width="5.88671875" style="1" customWidth="1"/>
    <col min="15" max="15" width="13.109375" style="1" customWidth="1"/>
    <col min="16" max="16" width="4.88671875" style="1" customWidth="1"/>
    <col min="17" max="17" width="13.109375" style="1" customWidth="1"/>
    <col min="18" max="18" width="4.88671875" style="1" customWidth="1"/>
    <col min="19" max="19" width="3.6640625" style="1" customWidth="1"/>
    <col min="20" max="20" width="10" style="1" customWidth="1"/>
    <col min="21" max="21" width="13.109375" style="1" customWidth="1"/>
    <col min="22" max="22" width="4.88671875" style="1" customWidth="1"/>
    <col min="23" max="23" width="13.109375" style="1" customWidth="1"/>
    <col min="24" max="24" width="4.88671875" style="1" customWidth="1"/>
    <col min="25" max="25" width="13.109375" style="1" customWidth="1"/>
    <col min="26" max="26" width="4.88671875" style="1" customWidth="1"/>
    <col min="27" max="27" width="13.109375" style="1" customWidth="1"/>
    <col min="28" max="28" width="4.88671875" style="1" customWidth="1"/>
    <col min="29" max="29" width="13.109375" style="1" customWidth="1"/>
    <col min="30" max="30" width="4.88671875" style="1" customWidth="1"/>
    <col min="31" max="31" width="13.109375" style="1" customWidth="1"/>
    <col min="32" max="32" width="4.88671875" style="1" customWidth="1"/>
    <col min="33" max="33" width="13.109375" style="1" customWidth="1"/>
    <col min="34" max="34" width="4.88671875" style="1" customWidth="1"/>
    <col min="35" max="35" width="13.109375" style="1" customWidth="1"/>
    <col min="36" max="36" width="4.88671875" style="1" customWidth="1"/>
    <col min="37" max="16384" width="9" style="1"/>
  </cols>
  <sheetData>
    <row r="1" spans="1:36" s="2" customFormat="1" ht="21" customHeight="1" x14ac:dyDescent="0.2">
      <c r="A1" s="83" t="s">
        <v>102</v>
      </c>
      <c r="C1" s="81"/>
      <c r="D1" s="81"/>
      <c r="E1" s="81"/>
      <c r="F1" s="81"/>
      <c r="G1" s="81"/>
      <c r="H1" s="81"/>
      <c r="I1" s="81"/>
      <c r="J1" s="81"/>
      <c r="K1" s="81"/>
      <c r="L1" s="81"/>
      <c r="M1" s="81"/>
      <c r="N1" s="81"/>
      <c r="O1" s="81"/>
      <c r="P1" s="81"/>
      <c r="Q1" s="81"/>
      <c r="R1" s="81"/>
      <c r="S1" s="114" t="s">
        <v>101</v>
      </c>
      <c r="T1" s="81"/>
      <c r="U1" s="81"/>
      <c r="V1" s="81"/>
      <c r="W1" s="81"/>
      <c r="X1" s="81"/>
      <c r="Y1" s="81"/>
      <c r="Z1" s="81"/>
      <c r="AA1" s="81"/>
      <c r="AB1" s="81"/>
      <c r="AC1" s="81"/>
      <c r="AD1" s="81"/>
      <c r="AE1" s="81"/>
      <c r="AF1" s="81"/>
      <c r="AG1" s="81"/>
      <c r="AH1" s="81"/>
      <c r="AI1" s="81"/>
      <c r="AJ1" s="81"/>
    </row>
    <row r="2" spans="1:36" s="2" customFormat="1" ht="7.5" customHeight="1" thickBot="1" x14ac:dyDescent="0.25">
      <c r="A2" s="82"/>
      <c r="C2" s="81"/>
      <c r="D2" s="81"/>
      <c r="E2" s="81"/>
      <c r="F2" s="81"/>
      <c r="G2" s="81"/>
      <c r="H2" s="81"/>
      <c r="I2" s="81"/>
      <c r="J2" s="81"/>
      <c r="K2" s="81"/>
      <c r="L2" s="81"/>
      <c r="M2" s="81"/>
      <c r="N2" s="81"/>
      <c r="O2" s="81"/>
      <c r="P2" s="81"/>
      <c r="Q2" s="81"/>
      <c r="R2" s="81"/>
      <c r="S2" s="81"/>
      <c r="T2" s="81"/>
      <c r="U2" s="81"/>
      <c r="V2" s="81"/>
      <c r="W2" s="81"/>
      <c r="X2" s="81"/>
      <c r="Y2" s="81"/>
      <c r="Z2" s="81"/>
      <c r="AA2" s="81"/>
      <c r="AB2" s="81"/>
      <c r="AC2" s="81"/>
      <c r="AD2" s="81"/>
      <c r="AE2" s="81"/>
      <c r="AF2" s="81"/>
      <c r="AG2" s="81"/>
      <c r="AH2" s="81"/>
      <c r="AI2" s="81"/>
      <c r="AJ2" s="79"/>
    </row>
    <row r="3" spans="1:36" s="1" customFormat="1" ht="10.8" x14ac:dyDescent="0.15">
      <c r="A3" s="76" t="s">
        <v>60</v>
      </c>
      <c r="B3" s="78"/>
      <c r="C3" s="74" t="s">
        <v>62</v>
      </c>
      <c r="D3" s="73"/>
      <c r="E3" s="73"/>
      <c r="F3" s="73"/>
      <c r="G3" s="73"/>
      <c r="H3" s="73"/>
      <c r="I3" s="73"/>
      <c r="J3" s="73"/>
      <c r="K3" s="77" t="s">
        <v>61</v>
      </c>
      <c r="L3" s="73"/>
      <c r="M3" s="73"/>
      <c r="N3" s="73"/>
      <c r="O3" s="73"/>
      <c r="P3" s="73"/>
      <c r="Q3" s="73"/>
      <c r="R3" s="72"/>
      <c r="S3" s="76" t="s">
        <v>60</v>
      </c>
      <c r="T3" s="75"/>
      <c r="U3" s="74" t="s">
        <v>59</v>
      </c>
      <c r="V3" s="73"/>
      <c r="W3" s="73"/>
      <c r="X3" s="73"/>
      <c r="Y3" s="73"/>
      <c r="Z3" s="73"/>
      <c r="AA3" s="73"/>
      <c r="AB3" s="72"/>
      <c r="AC3" s="73" t="s">
        <v>82</v>
      </c>
      <c r="AD3" s="73"/>
      <c r="AE3" s="73"/>
      <c r="AF3" s="73"/>
      <c r="AG3" s="73"/>
      <c r="AH3" s="73"/>
      <c r="AI3" s="73"/>
      <c r="AJ3" s="72"/>
    </row>
    <row r="4" spans="1:36" s="1" customFormat="1" ht="10.5" customHeight="1" x14ac:dyDescent="0.15">
      <c r="A4" s="70"/>
      <c r="B4" s="71"/>
      <c r="C4" s="67" t="s">
        <v>56</v>
      </c>
      <c r="D4" s="68"/>
      <c r="E4" s="67" t="s">
        <v>55</v>
      </c>
      <c r="F4" s="68"/>
      <c r="G4" s="67" t="s">
        <v>54</v>
      </c>
      <c r="H4" s="68"/>
      <c r="I4" s="67" t="s">
        <v>53</v>
      </c>
      <c r="J4" s="66"/>
      <c r="K4" s="67" t="s">
        <v>56</v>
      </c>
      <c r="L4" s="68"/>
      <c r="M4" s="67" t="s">
        <v>57</v>
      </c>
      <c r="N4" s="68"/>
      <c r="O4" s="67" t="s">
        <v>54</v>
      </c>
      <c r="P4" s="68"/>
      <c r="Q4" s="67" t="s">
        <v>53</v>
      </c>
      <c r="R4" s="66"/>
      <c r="S4" s="70"/>
      <c r="T4" s="69"/>
      <c r="U4" s="67" t="s">
        <v>56</v>
      </c>
      <c r="V4" s="68"/>
      <c r="W4" s="67" t="s">
        <v>55</v>
      </c>
      <c r="X4" s="68"/>
      <c r="Y4" s="67" t="s">
        <v>54</v>
      </c>
      <c r="Z4" s="68"/>
      <c r="AA4" s="67" t="s">
        <v>53</v>
      </c>
      <c r="AB4" s="66"/>
      <c r="AC4" s="67" t="s">
        <v>56</v>
      </c>
      <c r="AD4" s="68"/>
      <c r="AE4" s="67" t="s">
        <v>55</v>
      </c>
      <c r="AF4" s="68"/>
      <c r="AG4" s="67" t="s">
        <v>54</v>
      </c>
      <c r="AH4" s="68"/>
      <c r="AI4" s="67" t="s">
        <v>53</v>
      </c>
      <c r="AJ4" s="66"/>
    </row>
    <row r="5" spans="1:36" s="1" customFormat="1" ht="10.5" customHeight="1" thickBot="1" x14ac:dyDescent="0.2">
      <c r="A5" s="64"/>
      <c r="B5" s="65"/>
      <c r="C5" s="30" t="s">
        <v>97</v>
      </c>
      <c r="D5" s="61" t="s">
        <v>51</v>
      </c>
      <c r="E5" s="62" t="s">
        <v>97</v>
      </c>
      <c r="F5" s="62" t="s">
        <v>51</v>
      </c>
      <c r="G5" s="30" t="s">
        <v>97</v>
      </c>
      <c r="H5" s="61" t="s">
        <v>51</v>
      </c>
      <c r="I5" s="30" t="s">
        <v>97</v>
      </c>
      <c r="J5" s="60" t="s">
        <v>51</v>
      </c>
      <c r="K5" s="30" t="s">
        <v>97</v>
      </c>
      <c r="L5" s="61" t="s">
        <v>51</v>
      </c>
      <c r="M5" s="62" t="s">
        <v>97</v>
      </c>
      <c r="N5" s="62" t="s">
        <v>51</v>
      </c>
      <c r="O5" s="30" t="s">
        <v>97</v>
      </c>
      <c r="P5" s="61" t="s">
        <v>51</v>
      </c>
      <c r="Q5" s="30" t="s">
        <v>97</v>
      </c>
      <c r="R5" s="60" t="s">
        <v>51</v>
      </c>
      <c r="S5" s="64"/>
      <c r="T5" s="63"/>
      <c r="U5" s="30" t="s">
        <v>97</v>
      </c>
      <c r="V5" s="61" t="s">
        <v>51</v>
      </c>
      <c r="W5" s="62" t="s">
        <v>97</v>
      </c>
      <c r="X5" s="62" t="s">
        <v>51</v>
      </c>
      <c r="Y5" s="30" t="s">
        <v>97</v>
      </c>
      <c r="Z5" s="61" t="s">
        <v>51</v>
      </c>
      <c r="AA5" s="30" t="s">
        <v>97</v>
      </c>
      <c r="AB5" s="60" t="s">
        <v>51</v>
      </c>
      <c r="AC5" s="30" t="s">
        <v>97</v>
      </c>
      <c r="AD5" s="61" t="s">
        <v>51</v>
      </c>
      <c r="AE5" s="62" t="s">
        <v>97</v>
      </c>
      <c r="AF5" s="62" t="s">
        <v>51</v>
      </c>
      <c r="AG5" s="30" t="s">
        <v>97</v>
      </c>
      <c r="AH5" s="61" t="s">
        <v>51</v>
      </c>
      <c r="AI5" s="30" t="s">
        <v>97</v>
      </c>
      <c r="AJ5" s="60" t="s">
        <v>51</v>
      </c>
    </row>
    <row r="6" spans="1:36" s="1" customFormat="1" ht="14.1" customHeight="1" thickTop="1" x14ac:dyDescent="0.15">
      <c r="A6" s="53">
        <v>1</v>
      </c>
      <c r="B6" s="58" t="s">
        <v>50</v>
      </c>
      <c r="C6" s="39">
        <v>124648</v>
      </c>
      <c r="D6" s="39">
        <v>20</v>
      </c>
      <c r="E6" s="39">
        <v>6715220</v>
      </c>
      <c r="F6" s="39">
        <v>1</v>
      </c>
      <c r="G6" s="39">
        <v>183463</v>
      </c>
      <c r="H6" s="39">
        <v>10</v>
      </c>
      <c r="I6" s="39">
        <v>124667</v>
      </c>
      <c r="J6" s="41">
        <v>20</v>
      </c>
      <c r="K6" s="39">
        <v>197669</v>
      </c>
      <c r="L6" s="39">
        <v>12</v>
      </c>
      <c r="M6" s="39">
        <v>861857</v>
      </c>
      <c r="N6" s="39">
        <v>1</v>
      </c>
      <c r="O6" s="39">
        <v>289382</v>
      </c>
      <c r="P6" s="39">
        <v>5</v>
      </c>
      <c r="Q6" s="39">
        <v>197671</v>
      </c>
      <c r="R6" s="41">
        <v>12</v>
      </c>
      <c r="S6" s="53">
        <v>1</v>
      </c>
      <c r="T6" s="39" t="s">
        <v>50</v>
      </c>
      <c r="U6" s="39">
        <v>25925</v>
      </c>
      <c r="V6" s="39">
        <v>13</v>
      </c>
      <c r="W6" s="39">
        <v>86660</v>
      </c>
      <c r="X6" s="39">
        <v>2</v>
      </c>
      <c r="Y6" s="39">
        <v>33036</v>
      </c>
      <c r="Z6" s="39">
        <v>9</v>
      </c>
      <c r="AA6" s="39">
        <v>25925</v>
      </c>
      <c r="AB6" s="41">
        <v>13</v>
      </c>
      <c r="AC6" s="39">
        <v>356010</v>
      </c>
      <c r="AD6" s="39">
        <v>16</v>
      </c>
      <c r="AE6" s="39">
        <v>7928530</v>
      </c>
      <c r="AF6" s="39">
        <v>1</v>
      </c>
      <c r="AG6" s="39">
        <v>514923</v>
      </c>
      <c r="AH6" s="38">
        <v>8</v>
      </c>
      <c r="AI6" s="39">
        <v>356032</v>
      </c>
      <c r="AJ6" s="36">
        <v>16</v>
      </c>
    </row>
    <row r="7" spans="1:36" s="1" customFormat="1" ht="14.1" customHeight="1" x14ac:dyDescent="0.15">
      <c r="A7" s="43">
        <v>2</v>
      </c>
      <c r="B7" s="58" t="s">
        <v>49</v>
      </c>
      <c r="C7" s="39">
        <v>121254</v>
      </c>
      <c r="D7" s="39">
        <v>24</v>
      </c>
      <c r="E7" s="39">
        <v>0</v>
      </c>
      <c r="F7" s="39">
        <v>3</v>
      </c>
      <c r="G7" s="39">
        <v>202229</v>
      </c>
      <c r="H7" s="39">
        <v>3</v>
      </c>
      <c r="I7" s="39">
        <v>121250</v>
      </c>
      <c r="J7" s="41">
        <v>24</v>
      </c>
      <c r="K7" s="39">
        <v>187481</v>
      </c>
      <c r="L7" s="39">
        <v>26</v>
      </c>
      <c r="M7" s="39">
        <v>0</v>
      </c>
      <c r="N7" s="39">
        <v>7</v>
      </c>
      <c r="O7" s="39">
        <v>295721</v>
      </c>
      <c r="P7" s="39">
        <v>3</v>
      </c>
      <c r="Q7" s="39">
        <v>187483</v>
      </c>
      <c r="R7" s="41">
        <v>26</v>
      </c>
      <c r="S7" s="43">
        <v>2</v>
      </c>
      <c r="T7" s="39" t="s">
        <v>49</v>
      </c>
      <c r="U7" s="39">
        <v>24566</v>
      </c>
      <c r="V7" s="39">
        <v>21</v>
      </c>
      <c r="W7" s="39">
        <v>0</v>
      </c>
      <c r="X7" s="39">
        <v>7</v>
      </c>
      <c r="Y7" s="39">
        <v>32108</v>
      </c>
      <c r="Z7" s="39">
        <v>14</v>
      </c>
      <c r="AA7" s="39">
        <v>24566</v>
      </c>
      <c r="AB7" s="41">
        <v>21</v>
      </c>
      <c r="AC7" s="39">
        <v>341074</v>
      </c>
      <c r="AD7" s="39">
        <v>23</v>
      </c>
      <c r="AE7" s="39">
        <v>0</v>
      </c>
      <c r="AF7" s="39">
        <v>6</v>
      </c>
      <c r="AG7" s="39">
        <v>540112</v>
      </c>
      <c r="AH7" s="38">
        <v>2</v>
      </c>
      <c r="AI7" s="39">
        <v>341072</v>
      </c>
      <c r="AJ7" s="36">
        <v>23</v>
      </c>
    </row>
    <row r="8" spans="1:36" s="1" customFormat="1" ht="14.1" customHeight="1" x14ac:dyDescent="0.15">
      <c r="A8" s="43">
        <v>3</v>
      </c>
      <c r="B8" s="58" t="s">
        <v>48</v>
      </c>
      <c r="C8" s="39">
        <v>131194</v>
      </c>
      <c r="D8" s="39">
        <v>15</v>
      </c>
      <c r="E8" s="39">
        <v>-399260</v>
      </c>
      <c r="F8" s="39">
        <v>33</v>
      </c>
      <c r="G8" s="39">
        <v>183353</v>
      </c>
      <c r="H8" s="39">
        <v>11</v>
      </c>
      <c r="I8" s="39">
        <v>131188</v>
      </c>
      <c r="J8" s="41">
        <v>15</v>
      </c>
      <c r="K8" s="39">
        <v>212191</v>
      </c>
      <c r="L8" s="39">
        <v>4</v>
      </c>
      <c r="M8" s="39">
        <v>338410</v>
      </c>
      <c r="N8" s="39">
        <v>3</v>
      </c>
      <c r="O8" s="39">
        <v>298854</v>
      </c>
      <c r="P8" s="39">
        <v>2</v>
      </c>
      <c r="Q8" s="39">
        <v>212192</v>
      </c>
      <c r="R8" s="41">
        <v>4</v>
      </c>
      <c r="S8" s="43">
        <v>3</v>
      </c>
      <c r="T8" s="39" t="s">
        <v>48</v>
      </c>
      <c r="U8" s="39">
        <v>26249</v>
      </c>
      <c r="V8" s="39">
        <v>10</v>
      </c>
      <c r="W8" s="39">
        <v>17940</v>
      </c>
      <c r="X8" s="39">
        <v>5</v>
      </c>
      <c r="Y8" s="39">
        <v>32358</v>
      </c>
      <c r="Z8" s="39">
        <v>12</v>
      </c>
      <c r="AA8" s="39">
        <v>26249</v>
      </c>
      <c r="AB8" s="41">
        <v>10</v>
      </c>
      <c r="AC8" s="39">
        <v>375920</v>
      </c>
      <c r="AD8" s="39">
        <v>8</v>
      </c>
      <c r="AE8" s="39">
        <v>-42910</v>
      </c>
      <c r="AF8" s="39">
        <v>33</v>
      </c>
      <c r="AG8" s="39">
        <v>521157</v>
      </c>
      <c r="AH8" s="38">
        <v>5</v>
      </c>
      <c r="AI8" s="39">
        <v>375915</v>
      </c>
      <c r="AJ8" s="36">
        <v>8</v>
      </c>
    </row>
    <row r="9" spans="1:36" s="1" customFormat="1" ht="14.1" customHeight="1" x14ac:dyDescent="0.15">
      <c r="A9" s="43">
        <v>4</v>
      </c>
      <c r="B9" s="58" t="s">
        <v>47</v>
      </c>
      <c r="C9" s="39">
        <v>124025</v>
      </c>
      <c r="D9" s="39">
        <v>22</v>
      </c>
      <c r="E9" s="39">
        <v>0</v>
      </c>
      <c r="F9" s="39">
        <v>3</v>
      </c>
      <c r="G9" s="39">
        <v>171761</v>
      </c>
      <c r="H9" s="39">
        <v>20</v>
      </c>
      <c r="I9" s="39">
        <v>124024</v>
      </c>
      <c r="J9" s="41">
        <v>22</v>
      </c>
      <c r="K9" s="39">
        <v>195998</v>
      </c>
      <c r="L9" s="39">
        <v>15</v>
      </c>
      <c r="M9" s="39">
        <v>0</v>
      </c>
      <c r="N9" s="39">
        <v>7</v>
      </c>
      <c r="O9" s="39">
        <v>270675</v>
      </c>
      <c r="P9" s="39">
        <v>20</v>
      </c>
      <c r="Q9" s="39">
        <v>195998</v>
      </c>
      <c r="R9" s="41">
        <v>15</v>
      </c>
      <c r="S9" s="43">
        <v>4</v>
      </c>
      <c r="T9" s="39" t="s">
        <v>47</v>
      </c>
      <c r="U9" s="39">
        <v>24888</v>
      </c>
      <c r="V9" s="39">
        <v>19</v>
      </c>
      <c r="W9" s="39">
        <v>0</v>
      </c>
      <c r="X9" s="39">
        <v>7</v>
      </c>
      <c r="Y9" s="39">
        <v>30884</v>
      </c>
      <c r="Z9" s="39">
        <v>18</v>
      </c>
      <c r="AA9" s="39">
        <v>24888</v>
      </c>
      <c r="AB9" s="41">
        <v>19</v>
      </c>
      <c r="AC9" s="39">
        <v>352741</v>
      </c>
      <c r="AD9" s="39">
        <v>19</v>
      </c>
      <c r="AE9" s="39">
        <v>0</v>
      </c>
      <c r="AF9" s="39">
        <v>6</v>
      </c>
      <c r="AG9" s="39">
        <v>482677</v>
      </c>
      <c r="AH9" s="38">
        <v>20</v>
      </c>
      <c r="AI9" s="39">
        <v>352741</v>
      </c>
      <c r="AJ9" s="36">
        <v>19</v>
      </c>
    </row>
    <row r="10" spans="1:36" s="1" customFormat="1" ht="14.1" customHeight="1" x14ac:dyDescent="0.15">
      <c r="A10" s="43">
        <v>5</v>
      </c>
      <c r="B10" s="58" t="s">
        <v>46</v>
      </c>
      <c r="C10" s="39">
        <v>110484</v>
      </c>
      <c r="D10" s="39">
        <v>31</v>
      </c>
      <c r="E10" s="39">
        <v>0</v>
      </c>
      <c r="F10" s="39">
        <v>3</v>
      </c>
      <c r="G10" s="39">
        <v>160500</v>
      </c>
      <c r="H10" s="39">
        <v>30</v>
      </c>
      <c r="I10" s="39">
        <v>110478</v>
      </c>
      <c r="J10" s="41">
        <v>31</v>
      </c>
      <c r="K10" s="39">
        <v>194286</v>
      </c>
      <c r="L10" s="39">
        <v>16</v>
      </c>
      <c r="M10" s="39">
        <v>296490</v>
      </c>
      <c r="N10" s="39">
        <v>4</v>
      </c>
      <c r="O10" s="39">
        <v>273857</v>
      </c>
      <c r="P10" s="39">
        <v>16</v>
      </c>
      <c r="Q10" s="39">
        <v>194291</v>
      </c>
      <c r="R10" s="41">
        <v>16</v>
      </c>
      <c r="S10" s="43">
        <v>5</v>
      </c>
      <c r="T10" s="39" t="s">
        <v>46</v>
      </c>
      <c r="U10" s="39">
        <v>27510</v>
      </c>
      <c r="V10" s="39">
        <v>3</v>
      </c>
      <c r="W10" s="39">
        <v>35955</v>
      </c>
      <c r="X10" s="39">
        <v>3</v>
      </c>
      <c r="Y10" s="39">
        <v>33174</v>
      </c>
      <c r="Z10" s="39">
        <v>8</v>
      </c>
      <c r="AA10" s="39">
        <v>27510</v>
      </c>
      <c r="AB10" s="41">
        <v>3</v>
      </c>
      <c r="AC10" s="39">
        <v>338026</v>
      </c>
      <c r="AD10" s="39">
        <v>28</v>
      </c>
      <c r="AE10" s="39">
        <v>364067</v>
      </c>
      <c r="AF10" s="39">
        <v>3</v>
      </c>
      <c r="AG10" s="39">
        <v>474091</v>
      </c>
      <c r="AH10" s="38">
        <v>24</v>
      </c>
      <c r="AI10" s="39">
        <v>338028</v>
      </c>
      <c r="AJ10" s="36">
        <v>28</v>
      </c>
    </row>
    <row r="11" spans="1:36" s="1" customFormat="1" ht="14.1" customHeight="1" x14ac:dyDescent="0.15">
      <c r="A11" s="43">
        <v>6</v>
      </c>
      <c r="B11" s="58" t="s">
        <v>45</v>
      </c>
      <c r="C11" s="39">
        <v>113612</v>
      </c>
      <c r="D11" s="39">
        <v>30</v>
      </c>
      <c r="E11" s="39">
        <v>0</v>
      </c>
      <c r="F11" s="39">
        <v>3</v>
      </c>
      <c r="G11" s="39">
        <v>163825</v>
      </c>
      <c r="H11" s="39">
        <v>26</v>
      </c>
      <c r="I11" s="39">
        <v>113611</v>
      </c>
      <c r="J11" s="41">
        <v>30</v>
      </c>
      <c r="K11" s="39">
        <v>187967</v>
      </c>
      <c r="L11" s="39">
        <v>25</v>
      </c>
      <c r="M11" s="39">
        <v>0</v>
      </c>
      <c r="N11" s="39">
        <v>7</v>
      </c>
      <c r="O11" s="39">
        <v>282981</v>
      </c>
      <c r="P11" s="39">
        <v>8</v>
      </c>
      <c r="Q11" s="39">
        <v>187970</v>
      </c>
      <c r="R11" s="41">
        <v>25</v>
      </c>
      <c r="S11" s="43">
        <v>6</v>
      </c>
      <c r="T11" s="39" t="s">
        <v>45</v>
      </c>
      <c r="U11" s="39">
        <v>26062</v>
      </c>
      <c r="V11" s="39">
        <v>12</v>
      </c>
      <c r="W11" s="39">
        <v>0</v>
      </c>
      <c r="X11" s="39">
        <v>7</v>
      </c>
      <c r="Y11" s="39">
        <v>32807</v>
      </c>
      <c r="Z11" s="39">
        <v>11</v>
      </c>
      <c r="AA11" s="39">
        <v>26063</v>
      </c>
      <c r="AB11" s="41">
        <v>12</v>
      </c>
      <c r="AC11" s="39">
        <v>334980</v>
      </c>
      <c r="AD11" s="39">
        <v>29</v>
      </c>
      <c r="AE11" s="39">
        <v>0</v>
      </c>
      <c r="AF11" s="39">
        <v>6</v>
      </c>
      <c r="AG11" s="39">
        <v>488313</v>
      </c>
      <c r="AH11" s="38">
        <v>14</v>
      </c>
      <c r="AI11" s="39">
        <v>334982</v>
      </c>
      <c r="AJ11" s="36">
        <v>29</v>
      </c>
    </row>
    <row r="12" spans="1:36" s="1" customFormat="1" ht="14.1" customHeight="1" x14ac:dyDescent="0.15">
      <c r="A12" s="43">
        <v>7</v>
      </c>
      <c r="B12" s="58" t="s">
        <v>44</v>
      </c>
      <c r="C12" s="39">
        <v>148644</v>
      </c>
      <c r="D12" s="39">
        <v>5</v>
      </c>
      <c r="E12" s="39">
        <v>-38950</v>
      </c>
      <c r="F12" s="39">
        <v>32</v>
      </c>
      <c r="G12" s="39">
        <v>192953</v>
      </c>
      <c r="H12" s="39">
        <v>7</v>
      </c>
      <c r="I12" s="39">
        <v>148640</v>
      </c>
      <c r="J12" s="41">
        <v>5</v>
      </c>
      <c r="K12" s="39">
        <v>203191</v>
      </c>
      <c r="L12" s="39">
        <v>7</v>
      </c>
      <c r="M12" s="39">
        <v>71110</v>
      </c>
      <c r="N12" s="39">
        <v>6</v>
      </c>
      <c r="O12" s="39">
        <v>286714</v>
      </c>
      <c r="P12" s="39">
        <v>6</v>
      </c>
      <c r="Q12" s="39">
        <v>203188</v>
      </c>
      <c r="R12" s="41">
        <v>7</v>
      </c>
      <c r="S12" s="43">
        <v>7</v>
      </c>
      <c r="T12" s="39" t="s">
        <v>44</v>
      </c>
      <c r="U12" s="39">
        <v>26868</v>
      </c>
      <c r="V12" s="39">
        <v>7</v>
      </c>
      <c r="W12" s="39">
        <v>34840</v>
      </c>
      <c r="X12" s="39">
        <v>4</v>
      </c>
      <c r="Y12" s="39">
        <v>33840</v>
      </c>
      <c r="Z12" s="39">
        <v>4</v>
      </c>
      <c r="AA12" s="39">
        <v>26868</v>
      </c>
      <c r="AB12" s="41">
        <v>7</v>
      </c>
      <c r="AC12" s="39">
        <v>385066</v>
      </c>
      <c r="AD12" s="39">
        <v>4</v>
      </c>
      <c r="AE12" s="39">
        <v>73262</v>
      </c>
      <c r="AF12" s="39">
        <v>5</v>
      </c>
      <c r="AG12" s="39">
        <v>520897</v>
      </c>
      <c r="AH12" s="38">
        <v>6</v>
      </c>
      <c r="AI12" s="39">
        <v>385058</v>
      </c>
      <c r="AJ12" s="36">
        <v>4</v>
      </c>
    </row>
    <row r="13" spans="1:36" s="1" customFormat="1" ht="14.1" customHeight="1" x14ac:dyDescent="0.15">
      <c r="A13" s="43">
        <v>8</v>
      </c>
      <c r="B13" s="58" t="s">
        <v>43</v>
      </c>
      <c r="C13" s="39">
        <v>113934</v>
      </c>
      <c r="D13" s="39">
        <v>29</v>
      </c>
      <c r="E13" s="39">
        <v>0</v>
      </c>
      <c r="F13" s="39">
        <v>3</v>
      </c>
      <c r="G13" s="39">
        <v>163582</v>
      </c>
      <c r="H13" s="39">
        <v>27</v>
      </c>
      <c r="I13" s="39">
        <v>113933</v>
      </c>
      <c r="J13" s="41">
        <v>29</v>
      </c>
      <c r="K13" s="39">
        <v>192261</v>
      </c>
      <c r="L13" s="39">
        <v>19</v>
      </c>
      <c r="M13" s="39">
        <v>0</v>
      </c>
      <c r="N13" s="39">
        <v>7</v>
      </c>
      <c r="O13" s="39">
        <v>274717</v>
      </c>
      <c r="P13" s="39">
        <v>15</v>
      </c>
      <c r="Q13" s="39">
        <v>192264</v>
      </c>
      <c r="R13" s="41">
        <v>19</v>
      </c>
      <c r="S13" s="43">
        <v>8</v>
      </c>
      <c r="T13" s="39" t="s">
        <v>43</v>
      </c>
      <c r="U13" s="39">
        <v>25449</v>
      </c>
      <c r="V13" s="39">
        <v>16</v>
      </c>
      <c r="W13" s="39">
        <v>0</v>
      </c>
      <c r="X13" s="39">
        <v>7</v>
      </c>
      <c r="Y13" s="39">
        <v>31526</v>
      </c>
      <c r="Z13" s="39">
        <v>15</v>
      </c>
      <c r="AA13" s="39">
        <v>25449</v>
      </c>
      <c r="AB13" s="41">
        <v>16</v>
      </c>
      <c r="AC13" s="39">
        <v>338202</v>
      </c>
      <c r="AD13" s="39">
        <v>27</v>
      </c>
      <c r="AE13" s="39">
        <v>0</v>
      </c>
      <c r="AF13" s="39">
        <v>6</v>
      </c>
      <c r="AG13" s="39">
        <v>477148</v>
      </c>
      <c r="AH13" s="38">
        <v>23</v>
      </c>
      <c r="AI13" s="39">
        <v>338207</v>
      </c>
      <c r="AJ13" s="36">
        <v>27</v>
      </c>
    </row>
    <row r="14" spans="1:36" s="1" customFormat="1" ht="14.1" customHeight="1" x14ac:dyDescent="0.15">
      <c r="A14" s="43">
        <v>9</v>
      </c>
      <c r="B14" s="58" t="s">
        <v>42</v>
      </c>
      <c r="C14" s="39">
        <v>125051</v>
      </c>
      <c r="D14" s="39">
        <v>19</v>
      </c>
      <c r="E14" s="39">
        <v>0</v>
      </c>
      <c r="F14" s="39">
        <v>3</v>
      </c>
      <c r="G14" s="39">
        <v>180180</v>
      </c>
      <c r="H14" s="39">
        <v>15</v>
      </c>
      <c r="I14" s="39">
        <v>125051</v>
      </c>
      <c r="J14" s="41">
        <v>19</v>
      </c>
      <c r="K14" s="39">
        <v>201582</v>
      </c>
      <c r="L14" s="39">
        <v>8</v>
      </c>
      <c r="M14" s="39">
        <v>0</v>
      </c>
      <c r="N14" s="39">
        <v>7</v>
      </c>
      <c r="O14" s="39">
        <v>293529</v>
      </c>
      <c r="P14" s="39">
        <v>4</v>
      </c>
      <c r="Q14" s="39">
        <v>201582</v>
      </c>
      <c r="R14" s="41">
        <v>9</v>
      </c>
      <c r="S14" s="43">
        <v>9</v>
      </c>
      <c r="T14" s="39" t="s">
        <v>42</v>
      </c>
      <c r="U14" s="39">
        <v>27484</v>
      </c>
      <c r="V14" s="39">
        <v>4</v>
      </c>
      <c r="W14" s="39">
        <v>0</v>
      </c>
      <c r="X14" s="39">
        <v>7</v>
      </c>
      <c r="Y14" s="39">
        <v>34696</v>
      </c>
      <c r="Z14" s="39">
        <v>1</v>
      </c>
      <c r="AA14" s="39">
        <v>27484</v>
      </c>
      <c r="AB14" s="41">
        <v>4</v>
      </c>
      <c r="AC14" s="39">
        <v>361233</v>
      </c>
      <c r="AD14" s="39">
        <v>14</v>
      </c>
      <c r="AE14" s="39">
        <v>0</v>
      </c>
      <c r="AF14" s="39">
        <v>6</v>
      </c>
      <c r="AG14" s="39">
        <v>516202</v>
      </c>
      <c r="AH14" s="38">
        <v>7</v>
      </c>
      <c r="AI14" s="39">
        <v>361233</v>
      </c>
      <c r="AJ14" s="36">
        <v>14</v>
      </c>
    </row>
    <row r="15" spans="1:36" s="1" customFormat="1" ht="14.1" customHeight="1" x14ac:dyDescent="0.15">
      <c r="A15" s="43">
        <v>10</v>
      </c>
      <c r="B15" s="58" t="s">
        <v>41</v>
      </c>
      <c r="C15" s="39">
        <v>122601</v>
      </c>
      <c r="D15" s="39">
        <v>23</v>
      </c>
      <c r="E15" s="39">
        <v>670188</v>
      </c>
      <c r="F15" s="39">
        <v>2</v>
      </c>
      <c r="G15" s="39">
        <v>177328</v>
      </c>
      <c r="H15" s="39">
        <v>18</v>
      </c>
      <c r="I15" s="39">
        <v>122605</v>
      </c>
      <c r="J15" s="41">
        <v>23</v>
      </c>
      <c r="K15" s="39">
        <v>186939</v>
      </c>
      <c r="L15" s="39">
        <v>27</v>
      </c>
      <c r="M15" s="39">
        <v>358360</v>
      </c>
      <c r="N15" s="39">
        <v>2</v>
      </c>
      <c r="O15" s="39">
        <v>270712</v>
      </c>
      <c r="P15" s="39">
        <v>19</v>
      </c>
      <c r="Q15" s="39">
        <v>186940</v>
      </c>
      <c r="R15" s="41">
        <v>27</v>
      </c>
      <c r="S15" s="43">
        <v>10</v>
      </c>
      <c r="T15" s="39" t="s">
        <v>41</v>
      </c>
      <c r="U15" s="39">
        <v>24757</v>
      </c>
      <c r="V15" s="39">
        <v>20</v>
      </c>
      <c r="W15" s="39">
        <v>94760</v>
      </c>
      <c r="X15" s="39">
        <v>1</v>
      </c>
      <c r="Y15" s="39">
        <v>31267</v>
      </c>
      <c r="Z15" s="39">
        <v>16</v>
      </c>
      <c r="AA15" s="39">
        <v>24757</v>
      </c>
      <c r="AB15" s="41">
        <v>20</v>
      </c>
      <c r="AC15" s="39">
        <v>341825</v>
      </c>
      <c r="AD15" s="39">
        <v>22</v>
      </c>
      <c r="AE15" s="39">
        <v>1184265</v>
      </c>
      <c r="AF15" s="39">
        <v>2</v>
      </c>
      <c r="AG15" s="39">
        <v>487714</v>
      </c>
      <c r="AH15" s="38">
        <v>15</v>
      </c>
      <c r="AI15" s="39">
        <v>341831</v>
      </c>
      <c r="AJ15" s="36">
        <v>22</v>
      </c>
    </row>
    <row r="16" spans="1:36" s="1" customFormat="1" ht="14.1" customHeight="1" x14ac:dyDescent="0.15">
      <c r="A16" s="43">
        <v>11</v>
      </c>
      <c r="B16" s="58" t="s">
        <v>40</v>
      </c>
      <c r="C16" s="39">
        <v>134780</v>
      </c>
      <c r="D16" s="39">
        <v>11</v>
      </c>
      <c r="E16" s="39">
        <v>0</v>
      </c>
      <c r="F16" s="39">
        <v>3</v>
      </c>
      <c r="G16" s="39">
        <v>199776</v>
      </c>
      <c r="H16" s="39">
        <v>4</v>
      </c>
      <c r="I16" s="39">
        <v>134774</v>
      </c>
      <c r="J16" s="41">
        <v>11</v>
      </c>
      <c r="K16" s="39">
        <v>200743</v>
      </c>
      <c r="L16" s="39">
        <v>10</v>
      </c>
      <c r="M16" s="39">
        <v>0</v>
      </c>
      <c r="N16" s="39">
        <v>7</v>
      </c>
      <c r="O16" s="39">
        <v>284763</v>
      </c>
      <c r="P16" s="39">
        <v>7</v>
      </c>
      <c r="Q16" s="39">
        <v>200753</v>
      </c>
      <c r="R16" s="41">
        <v>10</v>
      </c>
      <c r="S16" s="43">
        <v>11</v>
      </c>
      <c r="T16" s="39" t="s">
        <v>40</v>
      </c>
      <c r="U16" s="39">
        <v>25246</v>
      </c>
      <c r="V16" s="39">
        <v>17</v>
      </c>
      <c r="W16" s="39">
        <v>0</v>
      </c>
      <c r="X16" s="39">
        <v>7</v>
      </c>
      <c r="Y16" s="39">
        <v>30855</v>
      </c>
      <c r="Z16" s="39">
        <v>19</v>
      </c>
      <c r="AA16" s="39">
        <v>25252</v>
      </c>
      <c r="AB16" s="41">
        <v>17</v>
      </c>
      <c r="AC16" s="39">
        <v>366463</v>
      </c>
      <c r="AD16" s="39">
        <v>13</v>
      </c>
      <c r="AE16" s="39">
        <v>0</v>
      </c>
      <c r="AF16" s="39">
        <v>6</v>
      </c>
      <c r="AG16" s="39">
        <v>521234</v>
      </c>
      <c r="AH16" s="38">
        <v>4</v>
      </c>
      <c r="AI16" s="39">
        <v>366473</v>
      </c>
      <c r="AJ16" s="36">
        <v>13</v>
      </c>
    </row>
    <row r="17" spans="1:36" s="1" customFormat="1" ht="14.1" customHeight="1" x14ac:dyDescent="0.15">
      <c r="A17" s="43">
        <v>12</v>
      </c>
      <c r="B17" s="58" t="s">
        <v>39</v>
      </c>
      <c r="C17" s="39">
        <v>128096</v>
      </c>
      <c r="D17" s="39">
        <v>16</v>
      </c>
      <c r="E17" s="39">
        <v>0</v>
      </c>
      <c r="F17" s="39">
        <v>3</v>
      </c>
      <c r="G17" s="39">
        <v>170621</v>
      </c>
      <c r="H17" s="39">
        <v>23</v>
      </c>
      <c r="I17" s="39">
        <v>128095</v>
      </c>
      <c r="J17" s="41">
        <v>16</v>
      </c>
      <c r="K17" s="39">
        <v>191251</v>
      </c>
      <c r="L17" s="39">
        <v>21</v>
      </c>
      <c r="M17" s="39">
        <v>0</v>
      </c>
      <c r="N17" s="39">
        <v>7</v>
      </c>
      <c r="O17" s="39">
        <v>260486</v>
      </c>
      <c r="P17" s="39">
        <v>28</v>
      </c>
      <c r="Q17" s="39">
        <v>191251</v>
      </c>
      <c r="R17" s="41">
        <v>21</v>
      </c>
      <c r="S17" s="43">
        <v>12</v>
      </c>
      <c r="T17" s="39" t="s">
        <v>39</v>
      </c>
      <c r="U17" s="39">
        <v>23178</v>
      </c>
      <c r="V17" s="39">
        <v>28</v>
      </c>
      <c r="W17" s="39">
        <v>0</v>
      </c>
      <c r="X17" s="39">
        <v>7</v>
      </c>
      <c r="Y17" s="39">
        <v>28564</v>
      </c>
      <c r="Z17" s="39">
        <v>30</v>
      </c>
      <c r="AA17" s="39">
        <v>23181</v>
      </c>
      <c r="AB17" s="41">
        <v>28</v>
      </c>
      <c r="AC17" s="39">
        <v>348831</v>
      </c>
      <c r="AD17" s="39">
        <v>20</v>
      </c>
      <c r="AE17" s="39">
        <v>0</v>
      </c>
      <c r="AF17" s="39">
        <v>6</v>
      </c>
      <c r="AG17" s="39">
        <v>467508</v>
      </c>
      <c r="AH17" s="38">
        <v>26</v>
      </c>
      <c r="AI17" s="39">
        <v>348834</v>
      </c>
      <c r="AJ17" s="36">
        <v>20</v>
      </c>
    </row>
    <row r="18" spans="1:36" s="1" customFormat="1" ht="14.1" customHeight="1" x14ac:dyDescent="0.15">
      <c r="A18" s="43">
        <v>13</v>
      </c>
      <c r="B18" s="58" t="s">
        <v>38</v>
      </c>
      <c r="C18" s="39">
        <v>124515</v>
      </c>
      <c r="D18" s="39">
        <v>21</v>
      </c>
      <c r="E18" s="39">
        <v>0</v>
      </c>
      <c r="F18" s="39">
        <v>3</v>
      </c>
      <c r="G18" s="39">
        <v>171972</v>
      </c>
      <c r="H18" s="39">
        <v>19</v>
      </c>
      <c r="I18" s="39">
        <v>124515</v>
      </c>
      <c r="J18" s="41">
        <v>21</v>
      </c>
      <c r="K18" s="39">
        <v>185409</v>
      </c>
      <c r="L18" s="39">
        <v>29</v>
      </c>
      <c r="M18" s="39">
        <v>0</v>
      </c>
      <c r="N18" s="39">
        <v>7</v>
      </c>
      <c r="O18" s="39">
        <v>264791</v>
      </c>
      <c r="P18" s="39">
        <v>26</v>
      </c>
      <c r="Q18" s="39">
        <v>185411</v>
      </c>
      <c r="R18" s="41">
        <v>29</v>
      </c>
      <c r="S18" s="43">
        <v>13</v>
      </c>
      <c r="T18" s="39" t="s">
        <v>38</v>
      </c>
      <c r="U18" s="39">
        <v>22844</v>
      </c>
      <c r="V18" s="39">
        <v>30</v>
      </c>
      <c r="W18" s="39">
        <v>0</v>
      </c>
      <c r="X18" s="39">
        <v>7</v>
      </c>
      <c r="Y18" s="39">
        <v>29047</v>
      </c>
      <c r="Z18" s="39">
        <v>27</v>
      </c>
      <c r="AA18" s="39">
        <v>22845</v>
      </c>
      <c r="AB18" s="41">
        <v>30</v>
      </c>
      <c r="AC18" s="39">
        <v>338548</v>
      </c>
      <c r="AD18" s="39">
        <v>25</v>
      </c>
      <c r="AE18" s="39">
        <v>0</v>
      </c>
      <c r="AF18" s="39">
        <v>6</v>
      </c>
      <c r="AG18" s="39">
        <v>471232</v>
      </c>
      <c r="AH18" s="38">
        <v>25</v>
      </c>
      <c r="AI18" s="39">
        <v>338550</v>
      </c>
      <c r="AJ18" s="36">
        <v>25</v>
      </c>
    </row>
    <row r="19" spans="1:36" s="1" customFormat="1" ht="14.1" customHeight="1" x14ac:dyDescent="0.15">
      <c r="A19" s="43">
        <v>14</v>
      </c>
      <c r="B19" s="58" t="s">
        <v>37</v>
      </c>
      <c r="C19" s="39">
        <v>117864</v>
      </c>
      <c r="D19" s="39">
        <v>27</v>
      </c>
      <c r="E19" s="39">
        <v>0</v>
      </c>
      <c r="F19" s="39">
        <v>3</v>
      </c>
      <c r="G19" s="39">
        <v>186965</v>
      </c>
      <c r="H19" s="39">
        <v>8</v>
      </c>
      <c r="I19" s="39">
        <v>117864</v>
      </c>
      <c r="J19" s="41">
        <v>27</v>
      </c>
      <c r="K19" s="39">
        <v>183932</v>
      </c>
      <c r="L19" s="39">
        <v>31</v>
      </c>
      <c r="M19" s="39">
        <v>0</v>
      </c>
      <c r="N19" s="39">
        <v>7</v>
      </c>
      <c r="O19" s="39">
        <v>275508</v>
      </c>
      <c r="P19" s="39">
        <v>13</v>
      </c>
      <c r="Q19" s="39">
        <v>183933</v>
      </c>
      <c r="R19" s="41">
        <v>31</v>
      </c>
      <c r="S19" s="43">
        <v>14</v>
      </c>
      <c r="T19" s="39" t="s">
        <v>37</v>
      </c>
      <c r="U19" s="39">
        <v>24308</v>
      </c>
      <c r="V19" s="39">
        <v>25</v>
      </c>
      <c r="W19" s="39">
        <v>0</v>
      </c>
      <c r="X19" s="39">
        <v>7</v>
      </c>
      <c r="Y19" s="39">
        <v>30963</v>
      </c>
      <c r="Z19" s="39">
        <v>17</v>
      </c>
      <c r="AA19" s="39">
        <v>24308</v>
      </c>
      <c r="AB19" s="41">
        <v>25</v>
      </c>
      <c r="AC19" s="39">
        <v>333279</v>
      </c>
      <c r="AD19" s="39">
        <v>30</v>
      </c>
      <c r="AE19" s="39">
        <v>0</v>
      </c>
      <c r="AF19" s="39">
        <v>6</v>
      </c>
      <c r="AG19" s="39">
        <v>501393</v>
      </c>
      <c r="AH19" s="38">
        <v>10</v>
      </c>
      <c r="AI19" s="39">
        <v>333279</v>
      </c>
      <c r="AJ19" s="36">
        <v>30</v>
      </c>
    </row>
    <row r="20" spans="1:36" s="1" customFormat="1" ht="14.1" customHeight="1" x14ac:dyDescent="0.15">
      <c r="A20" s="43">
        <v>15</v>
      </c>
      <c r="B20" s="58" t="s">
        <v>36</v>
      </c>
      <c r="C20" s="39">
        <v>138472</v>
      </c>
      <c r="D20" s="39">
        <v>8</v>
      </c>
      <c r="E20" s="39">
        <v>0</v>
      </c>
      <c r="F20" s="39">
        <v>3</v>
      </c>
      <c r="G20" s="39">
        <v>193129</v>
      </c>
      <c r="H20" s="39">
        <v>6</v>
      </c>
      <c r="I20" s="39">
        <v>138472</v>
      </c>
      <c r="J20" s="41">
        <v>8</v>
      </c>
      <c r="K20" s="39">
        <v>199635</v>
      </c>
      <c r="L20" s="39">
        <v>11</v>
      </c>
      <c r="M20" s="39">
        <v>0</v>
      </c>
      <c r="N20" s="39">
        <v>7</v>
      </c>
      <c r="O20" s="39">
        <v>277407</v>
      </c>
      <c r="P20" s="39">
        <v>11</v>
      </c>
      <c r="Q20" s="39">
        <v>199634</v>
      </c>
      <c r="R20" s="41">
        <v>11</v>
      </c>
      <c r="S20" s="43">
        <v>15</v>
      </c>
      <c r="T20" s="39" t="s">
        <v>36</v>
      </c>
      <c r="U20" s="39">
        <v>26492</v>
      </c>
      <c r="V20" s="39">
        <v>8</v>
      </c>
      <c r="W20" s="39">
        <v>0</v>
      </c>
      <c r="X20" s="39">
        <v>7</v>
      </c>
      <c r="Y20" s="39">
        <v>32845</v>
      </c>
      <c r="Z20" s="39">
        <v>10</v>
      </c>
      <c r="AA20" s="39">
        <v>26495</v>
      </c>
      <c r="AB20" s="41">
        <v>8</v>
      </c>
      <c r="AC20" s="39">
        <v>371843</v>
      </c>
      <c r="AD20" s="39">
        <v>11</v>
      </c>
      <c r="AE20" s="39">
        <v>0</v>
      </c>
      <c r="AF20" s="39">
        <v>6</v>
      </c>
      <c r="AG20" s="39">
        <v>511581</v>
      </c>
      <c r="AH20" s="38">
        <v>9</v>
      </c>
      <c r="AI20" s="39">
        <v>371845</v>
      </c>
      <c r="AJ20" s="36">
        <v>11</v>
      </c>
    </row>
    <row r="21" spans="1:36" s="1" customFormat="1" ht="14.1" customHeight="1" x14ac:dyDescent="0.15">
      <c r="A21" s="43">
        <v>16</v>
      </c>
      <c r="B21" s="58" t="s">
        <v>35</v>
      </c>
      <c r="C21" s="39">
        <v>118536</v>
      </c>
      <c r="D21" s="39">
        <v>26</v>
      </c>
      <c r="E21" s="39">
        <v>0</v>
      </c>
      <c r="F21" s="39">
        <v>3</v>
      </c>
      <c r="G21" s="39">
        <v>161191</v>
      </c>
      <c r="H21" s="39">
        <v>28</v>
      </c>
      <c r="I21" s="39">
        <v>118535</v>
      </c>
      <c r="J21" s="41">
        <v>26</v>
      </c>
      <c r="K21" s="39">
        <v>189450</v>
      </c>
      <c r="L21" s="39">
        <v>23</v>
      </c>
      <c r="M21" s="39">
        <v>0</v>
      </c>
      <c r="N21" s="39">
        <v>7</v>
      </c>
      <c r="O21" s="39">
        <v>262467</v>
      </c>
      <c r="P21" s="39">
        <v>27</v>
      </c>
      <c r="Q21" s="39">
        <v>189450</v>
      </c>
      <c r="R21" s="41">
        <v>23</v>
      </c>
      <c r="S21" s="43">
        <v>16</v>
      </c>
      <c r="T21" s="39" t="s">
        <v>35</v>
      </c>
      <c r="U21" s="39">
        <v>24374</v>
      </c>
      <c r="V21" s="39">
        <v>24</v>
      </c>
      <c r="W21" s="39">
        <v>0</v>
      </c>
      <c r="X21" s="39">
        <v>7</v>
      </c>
      <c r="Y21" s="39">
        <v>30475</v>
      </c>
      <c r="Z21" s="39">
        <v>22</v>
      </c>
      <c r="AA21" s="39">
        <v>24373</v>
      </c>
      <c r="AB21" s="41">
        <v>24</v>
      </c>
      <c r="AC21" s="39">
        <v>338473</v>
      </c>
      <c r="AD21" s="39">
        <v>26</v>
      </c>
      <c r="AE21" s="39">
        <v>0</v>
      </c>
      <c r="AF21" s="39">
        <v>6</v>
      </c>
      <c r="AG21" s="39">
        <v>460658</v>
      </c>
      <c r="AH21" s="38">
        <v>30</v>
      </c>
      <c r="AI21" s="39">
        <v>338471</v>
      </c>
      <c r="AJ21" s="36">
        <v>26</v>
      </c>
    </row>
    <row r="22" spans="1:36" s="1" customFormat="1" ht="14.1" customHeight="1" x14ac:dyDescent="0.15">
      <c r="A22" s="43">
        <v>17</v>
      </c>
      <c r="B22" s="58" t="s">
        <v>34</v>
      </c>
      <c r="C22" s="39">
        <v>116466</v>
      </c>
      <c r="D22" s="39">
        <v>28</v>
      </c>
      <c r="E22" s="39">
        <v>0</v>
      </c>
      <c r="F22" s="39">
        <v>3</v>
      </c>
      <c r="G22" s="39">
        <v>166658</v>
      </c>
      <c r="H22" s="39">
        <v>25</v>
      </c>
      <c r="I22" s="39">
        <v>116465</v>
      </c>
      <c r="J22" s="110">
        <v>28</v>
      </c>
      <c r="K22" s="111">
        <v>184329</v>
      </c>
      <c r="L22" s="39">
        <v>30</v>
      </c>
      <c r="M22" s="39">
        <v>0</v>
      </c>
      <c r="N22" s="39">
        <v>7</v>
      </c>
      <c r="O22" s="39">
        <v>271956</v>
      </c>
      <c r="P22" s="39">
        <v>18</v>
      </c>
      <c r="Q22" s="39">
        <v>184310</v>
      </c>
      <c r="R22" s="110">
        <v>30</v>
      </c>
      <c r="S22" s="43">
        <v>17</v>
      </c>
      <c r="T22" s="39" t="s">
        <v>34</v>
      </c>
      <c r="U22" s="39">
        <v>25547</v>
      </c>
      <c r="V22" s="39">
        <v>15</v>
      </c>
      <c r="W22" s="39">
        <v>0</v>
      </c>
      <c r="X22" s="39">
        <v>7</v>
      </c>
      <c r="Y22" s="39">
        <v>32163</v>
      </c>
      <c r="Z22" s="39">
        <v>13</v>
      </c>
      <c r="AA22" s="39">
        <v>25546</v>
      </c>
      <c r="AB22" s="41">
        <v>15</v>
      </c>
      <c r="AC22" s="39">
        <v>333216</v>
      </c>
      <c r="AD22" s="39">
        <v>31</v>
      </c>
      <c r="AE22" s="39">
        <v>0</v>
      </c>
      <c r="AF22" s="39">
        <v>6</v>
      </c>
      <c r="AG22" s="39">
        <v>478326</v>
      </c>
      <c r="AH22" s="38">
        <v>22</v>
      </c>
      <c r="AI22" s="39">
        <v>333197</v>
      </c>
      <c r="AJ22" s="36">
        <v>31</v>
      </c>
    </row>
    <row r="23" spans="1:36" s="1" customFormat="1" ht="14.1" customHeight="1" x14ac:dyDescent="0.15">
      <c r="A23" s="43">
        <v>18</v>
      </c>
      <c r="B23" s="58" t="s">
        <v>33</v>
      </c>
      <c r="C23" s="39">
        <v>131502</v>
      </c>
      <c r="D23" s="39">
        <v>14</v>
      </c>
      <c r="E23" s="39">
        <v>-6300</v>
      </c>
      <c r="F23" s="39">
        <v>31</v>
      </c>
      <c r="G23" s="39">
        <v>154393</v>
      </c>
      <c r="H23" s="39">
        <v>32</v>
      </c>
      <c r="I23" s="39">
        <v>131486</v>
      </c>
      <c r="J23" s="110">
        <v>14</v>
      </c>
      <c r="K23" s="111">
        <v>204200</v>
      </c>
      <c r="L23" s="39">
        <v>5</v>
      </c>
      <c r="M23" s="39">
        <v>114690</v>
      </c>
      <c r="N23" s="39">
        <v>5</v>
      </c>
      <c r="O23" s="39">
        <v>269078</v>
      </c>
      <c r="P23" s="39">
        <v>23</v>
      </c>
      <c r="Q23" s="39">
        <v>204189</v>
      </c>
      <c r="R23" s="110">
        <v>5</v>
      </c>
      <c r="S23" s="43">
        <v>18</v>
      </c>
      <c r="T23" s="39" t="s">
        <v>33</v>
      </c>
      <c r="U23" s="39">
        <v>27197</v>
      </c>
      <c r="V23" s="39">
        <v>6</v>
      </c>
      <c r="W23" s="39">
        <v>13350</v>
      </c>
      <c r="X23" s="39">
        <v>6</v>
      </c>
      <c r="Y23" s="39">
        <v>33262</v>
      </c>
      <c r="Z23" s="39">
        <v>6</v>
      </c>
      <c r="AA23" s="95">
        <v>27195</v>
      </c>
      <c r="AB23" s="41">
        <v>6</v>
      </c>
      <c r="AC23" s="39">
        <v>368566</v>
      </c>
      <c r="AD23" s="39">
        <v>12</v>
      </c>
      <c r="AE23" s="39">
        <v>212160</v>
      </c>
      <c r="AF23" s="39">
        <v>4</v>
      </c>
      <c r="AG23" s="39">
        <v>463578</v>
      </c>
      <c r="AH23" s="38">
        <v>28</v>
      </c>
      <c r="AI23" s="39">
        <v>368549</v>
      </c>
      <c r="AJ23" s="36">
        <v>12</v>
      </c>
    </row>
    <row r="24" spans="1:36" s="1" customFormat="1" ht="14.1" customHeight="1" x14ac:dyDescent="0.15">
      <c r="A24" s="43">
        <v>19</v>
      </c>
      <c r="B24" s="58" t="s">
        <v>32</v>
      </c>
      <c r="C24" s="39">
        <v>100950</v>
      </c>
      <c r="D24" s="39">
        <v>32</v>
      </c>
      <c r="E24" s="39">
        <v>0</v>
      </c>
      <c r="F24" s="39">
        <v>3</v>
      </c>
      <c r="G24" s="39">
        <v>161007</v>
      </c>
      <c r="H24" s="39">
        <v>29</v>
      </c>
      <c r="I24" s="39">
        <v>100950</v>
      </c>
      <c r="J24" s="110">
        <v>32</v>
      </c>
      <c r="K24" s="111">
        <v>182529</v>
      </c>
      <c r="L24" s="39">
        <v>32</v>
      </c>
      <c r="M24" s="39">
        <v>0</v>
      </c>
      <c r="N24" s="39">
        <v>7</v>
      </c>
      <c r="O24" s="39">
        <v>275679</v>
      </c>
      <c r="P24" s="39">
        <v>12</v>
      </c>
      <c r="Q24" s="39">
        <v>182533</v>
      </c>
      <c r="R24" s="110">
        <v>32</v>
      </c>
      <c r="S24" s="43">
        <v>19</v>
      </c>
      <c r="T24" s="49" t="s">
        <v>32</v>
      </c>
      <c r="U24" s="39">
        <v>26181</v>
      </c>
      <c r="V24" s="39">
        <v>11</v>
      </c>
      <c r="W24" s="39">
        <v>0</v>
      </c>
      <c r="X24" s="39">
        <v>7</v>
      </c>
      <c r="Y24" s="39">
        <v>33180</v>
      </c>
      <c r="Z24" s="39">
        <v>7</v>
      </c>
      <c r="AA24" s="39">
        <v>26181</v>
      </c>
      <c r="AB24" s="41">
        <v>11</v>
      </c>
      <c r="AC24" s="39">
        <v>315780</v>
      </c>
      <c r="AD24" s="39">
        <v>32</v>
      </c>
      <c r="AE24" s="39">
        <v>0</v>
      </c>
      <c r="AF24" s="39">
        <v>6</v>
      </c>
      <c r="AG24" s="39">
        <v>478679</v>
      </c>
      <c r="AH24" s="38">
        <v>21</v>
      </c>
      <c r="AI24" s="49">
        <v>315788</v>
      </c>
      <c r="AJ24" s="36">
        <v>32</v>
      </c>
    </row>
    <row r="25" spans="1:36" s="1" customFormat="1" ht="14.1" customHeight="1" x14ac:dyDescent="0.15">
      <c r="A25" s="43">
        <v>20</v>
      </c>
      <c r="B25" s="58" t="s">
        <v>31</v>
      </c>
      <c r="C25" s="39">
        <v>132408</v>
      </c>
      <c r="D25" s="39">
        <v>13</v>
      </c>
      <c r="E25" s="39">
        <v>0</v>
      </c>
      <c r="F25" s="39">
        <v>3</v>
      </c>
      <c r="G25" s="39">
        <v>181127</v>
      </c>
      <c r="H25" s="39">
        <v>13</v>
      </c>
      <c r="I25" s="39">
        <v>132408</v>
      </c>
      <c r="J25" s="110">
        <v>13</v>
      </c>
      <c r="K25" s="111">
        <v>192547</v>
      </c>
      <c r="L25" s="39">
        <v>18</v>
      </c>
      <c r="M25" s="39">
        <v>0</v>
      </c>
      <c r="N25" s="39">
        <v>7</v>
      </c>
      <c r="O25" s="39">
        <v>266734</v>
      </c>
      <c r="P25" s="39">
        <v>25</v>
      </c>
      <c r="Q25" s="39">
        <v>192547</v>
      </c>
      <c r="R25" s="110">
        <v>18</v>
      </c>
      <c r="S25" s="43">
        <v>20</v>
      </c>
      <c r="T25" s="39" t="s">
        <v>31</v>
      </c>
      <c r="U25" s="39">
        <v>23723</v>
      </c>
      <c r="V25" s="39">
        <v>27</v>
      </c>
      <c r="W25" s="39">
        <v>0</v>
      </c>
      <c r="X25" s="39">
        <v>7</v>
      </c>
      <c r="Y25" s="39">
        <v>30091</v>
      </c>
      <c r="Z25" s="39">
        <v>23</v>
      </c>
      <c r="AA25" s="39">
        <v>23722</v>
      </c>
      <c r="AB25" s="41">
        <v>27</v>
      </c>
      <c r="AC25" s="39">
        <v>355177</v>
      </c>
      <c r="AD25" s="39">
        <v>18</v>
      </c>
      <c r="AE25" s="39">
        <v>0</v>
      </c>
      <c r="AF25" s="39">
        <v>6</v>
      </c>
      <c r="AG25" s="39">
        <v>484670</v>
      </c>
      <c r="AH25" s="38">
        <v>19</v>
      </c>
      <c r="AI25" s="39">
        <v>355176</v>
      </c>
      <c r="AJ25" s="36">
        <v>18</v>
      </c>
    </row>
    <row r="26" spans="1:36" s="1" customFormat="1" ht="14.1" customHeight="1" x14ac:dyDescent="0.15">
      <c r="A26" s="43">
        <v>21</v>
      </c>
      <c r="B26" s="58" t="s">
        <v>30</v>
      </c>
      <c r="C26" s="39">
        <v>119187</v>
      </c>
      <c r="D26" s="39">
        <v>25</v>
      </c>
      <c r="E26" s="39">
        <v>0</v>
      </c>
      <c r="F26" s="39">
        <v>3</v>
      </c>
      <c r="G26" s="39">
        <v>167588</v>
      </c>
      <c r="H26" s="39">
        <v>24</v>
      </c>
      <c r="I26" s="39">
        <v>119174</v>
      </c>
      <c r="J26" s="110">
        <v>25</v>
      </c>
      <c r="K26" s="111">
        <v>188398</v>
      </c>
      <c r="L26" s="39">
        <v>24</v>
      </c>
      <c r="M26" s="39">
        <v>0</v>
      </c>
      <c r="N26" s="39">
        <v>7</v>
      </c>
      <c r="O26" s="39">
        <v>275338</v>
      </c>
      <c r="P26" s="39">
        <v>14</v>
      </c>
      <c r="Q26" s="39">
        <v>188398</v>
      </c>
      <c r="R26" s="110">
        <v>24</v>
      </c>
      <c r="S26" s="43">
        <v>21</v>
      </c>
      <c r="T26" s="39" t="s">
        <v>30</v>
      </c>
      <c r="U26" s="39">
        <v>26474</v>
      </c>
      <c r="V26" s="39">
        <v>9</v>
      </c>
      <c r="W26" s="39">
        <v>0</v>
      </c>
      <c r="X26" s="39">
        <v>7</v>
      </c>
      <c r="Y26" s="39">
        <v>34256</v>
      </c>
      <c r="Z26" s="39">
        <v>3</v>
      </c>
      <c r="AA26" s="39">
        <v>26474</v>
      </c>
      <c r="AB26" s="41">
        <v>9</v>
      </c>
      <c r="AC26" s="39">
        <v>340549</v>
      </c>
      <c r="AD26" s="39">
        <v>24</v>
      </c>
      <c r="AE26" s="39">
        <v>0</v>
      </c>
      <c r="AF26" s="39">
        <v>6</v>
      </c>
      <c r="AG26" s="39">
        <v>484944</v>
      </c>
      <c r="AH26" s="38">
        <v>18</v>
      </c>
      <c r="AI26" s="39">
        <v>340535</v>
      </c>
      <c r="AJ26" s="113">
        <v>24</v>
      </c>
    </row>
    <row r="27" spans="1:36" s="1" customFormat="1" ht="14.1" customHeight="1" x14ac:dyDescent="0.15">
      <c r="A27" s="43">
        <v>22</v>
      </c>
      <c r="B27" s="58" t="s">
        <v>29</v>
      </c>
      <c r="C27" s="39">
        <v>147638</v>
      </c>
      <c r="D27" s="39">
        <v>6</v>
      </c>
      <c r="E27" s="39">
        <v>0</v>
      </c>
      <c r="F27" s="39">
        <v>3</v>
      </c>
      <c r="G27" s="39">
        <v>179824</v>
      </c>
      <c r="H27" s="39">
        <v>16</v>
      </c>
      <c r="I27" s="39">
        <v>147743</v>
      </c>
      <c r="J27" s="110">
        <v>6</v>
      </c>
      <c r="K27" s="111">
        <v>197169</v>
      </c>
      <c r="L27" s="39">
        <v>14</v>
      </c>
      <c r="M27" s="39">
        <v>0</v>
      </c>
      <c r="N27" s="39">
        <v>7</v>
      </c>
      <c r="O27" s="39">
        <v>267824</v>
      </c>
      <c r="P27" s="39">
        <v>24</v>
      </c>
      <c r="Q27" s="39">
        <v>197232</v>
      </c>
      <c r="R27" s="110">
        <v>13</v>
      </c>
      <c r="S27" s="43">
        <v>22</v>
      </c>
      <c r="T27" s="39" t="s">
        <v>29</v>
      </c>
      <c r="U27" s="39">
        <v>24900</v>
      </c>
      <c r="V27" s="39">
        <v>18</v>
      </c>
      <c r="W27" s="39">
        <v>0</v>
      </c>
      <c r="X27" s="39">
        <v>7</v>
      </c>
      <c r="Y27" s="39">
        <v>30718</v>
      </c>
      <c r="Z27" s="39">
        <v>21</v>
      </c>
      <c r="AA27" s="39">
        <v>24900</v>
      </c>
      <c r="AB27" s="41">
        <v>18</v>
      </c>
      <c r="AC27" s="39">
        <v>375550</v>
      </c>
      <c r="AD27" s="39">
        <v>10</v>
      </c>
      <c r="AE27" s="39">
        <v>0</v>
      </c>
      <c r="AF27" s="39">
        <v>6</v>
      </c>
      <c r="AG27" s="39">
        <v>484971</v>
      </c>
      <c r="AH27" s="38">
        <v>17</v>
      </c>
      <c r="AI27" s="39">
        <v>375660</v>
      </c>
      <c r="AJ27" s="112">
        <v>10</v>
      </c>
    </row>
    <row r="28" spans="1:36" s="1" customFormat="1" ht="14.1" customHeight="1" x14ac:dyDescent="0.15">
      <c r="A28" s="43">
        <v>23</v>
      </c>
      <c r="B28" s="58" t="s">
        <v>28</v>
      </c>
      <c r="C28" s="39">
        <v>125897</v>
      </c>
      <c r="D28" s="39">
        <v>18</v>
      </c>
      <c r="E28" s="39">
        <v>0</v>
      </c>
      <c r="F28" s="39">
        <v>3</v>
      </c>
      <c r="G28" s="39">
        <v>171339</v>
      </c>
      <c r="H28" s="39">
        <v>22</v>
      </c>
      <c r="I28" s="39">
        <v>125895</v>
      </c>
      <c r="J28" s="110">
        <v>18</v>
      </c>
      <c r="K28" s="111">
        <v>190363</v>
      </c>
      <c r="L28" s="39">
        <v>22</v>
      </c>
      <c r="M28" s="39">
        <v>0</v>
      </c>
      <c r="N28" s="39">
        <v>7</v>
      </c>
      <c r="O28" s="39">
        <v>249579</v>
      </c>
      <c r="P28" s="39">
        <v>31</v>
      </c>
      <c r="Q28" s="39">
        <v>190365</v>
      </c>
      <c r="R28" s="110">
        <v>22</v>
      </c>
      <c r="S28" s="43">
        <v>23</v>
      </c>
      <c r="T28" s="39" t="s">
        <v>28</v>
      </c>
      <c r="U28" s="39">
        <v>23789</v>
      </c>
      <c r="V28" s="39">
        <v>26</v>
      </c>
      <c r="W28" s="39">
        <v>0</v>
      </c>
      <c r="X28" s="39">
        <v>7</v>
      </c>
      <c r="Y28" s="39">
        <v>28794</v>
      </c>
      <c r="Z28" s="39">
        <v>28</v>
      </c>
      <c r="AA28" s="39">
        <v>23791</v>
      </c>
      <c r="AB28" s="41">
        <v>26</v>
      </c>
      <c r="AC28" s="39">
        <v>345228</v>
      </c>
      <c r="AD28" s="39">
        <v>21</v>
      </c>
      <c r="AE28" s="39">
        <v>0</v>
      </c>
      <c r="AF28" s="39">
        <v>6</v>
      </c>
      <c r="AG28" s="39">
        <v>455290</v>
      </c>
      <c r="AH28" s="38">
        <v>31</v>
      </c>
      <c r="AI28" s="39">
        <v>345239</v>
      </c>
      <c r="AJ28" s="36">
        <v>21</v>
      </c>
    </row>
    <row r="29" spans="1:36" s="1" customFormat="1" ht="14.1" customHeight="1" x14ac:dyDescent="0.15">
      <c r="A29" s="43">
        <v>24</v>
      </c>
      <c r="B29" s="58" t="s">
        <v>27</v>
      </c>
      <c r="C29" s="39">
        <v>134978</v>
      </c>
      <c r="D29" s="39">
        <v>10</v>
      </c>
      <c r="E29" s="39">
        <v>0</v>
      </c>
      <c r="F29" s="39">
        <v>3</v>
      </c>
      <c r="G29" s="39">
        <v>184786</v>
      </c>
      <c r="H29" s="39">
        <v>9</v>
      </c>
      <c r="I29" s="39">
        <v>134978</v>
      </c>
      <c r="J29" s="110">
        <v>10</v>
      </c>
      <c r="K29" s="111">
        <v>215318</v>
      </c>
      <c r="L29" s="39">
        <v>3</v>
      </c>
      <c r="M29" s="39">
        <v>0</v>
      </c>
      <c r="N29" s="39">
        <v>7</v>
      </c>
      <c r="O29" s="39">
        <v>270369</v>
      </c>
      <c r="P29" s="39">
        <v>21</v>
      </c>
      <c r="Q29" s="39">
        <v>215318</v>
      </c>
      <c r="R29" s="110">
        <v>3</v>
      </c>
      <c r="S29" s="43">
        <v>24</v>
      </c>
      <c r="T29" s="39" t="s">
        <v>27</v>
      </c>
      <c r="U29" s="39">
        <v>24457</v>
      </c>
      <c r="V29" s="39">
        <v>23</v>
      </c>
      <c r="W29" s="39">
        <v>0</v>
      </c>
      <c r="X29" s="39">
        <v>7</v>
      </c>
      <c r="Y29" s="39">
        <v>28669</v>
      </c>
      <c r="Z29" s="39">
        <v>29</v>
      </c>
      <c r="AA29" s="39">
        <v>24457</v>
      </c>
      <c r="AB29" s="41">
        <v>23</v>
      </c>
      <c r="AC29" s="39">
        <v>378170</v>
      </c>
      <c r="AD29" s="39">
        <v>7</v>
      </c>
      <c r="AE29" s="39">
        <v>0</v>
      </c>
      <c r="AF29" s="39">
        <v>6</v>
      </c>
      <c r="AG29" s="39">
        <v>487130</v>
      </c>
      <c r="AH29" s="38">
        <v>16</v>
      </c>
      <c r="AI29" s="39">
        <v>378170</v>
      </c>
      <c r="AJ29" s="36">
        <v>7</v>
      </c>
    </row>
    <row r="30" spans="1:36" s="1" customFormat="1" ht="14.1" customHeight="1" x14ac:dyDescent="0.15">
      <c r="A30" s="43">
        <v>25</v>
      </c>
      <c r="B30" s="58" t="s">
        <v>26</v>
      </c>
      <c r="C30" s="39">
        <v>99707</v>
      </c>
      <c r="D30" s="39">
        <v>33</v>
      </c>
      <c r="E30" s="39">
        <v>0</v>
      </c>
      <c r="F30" s="39">
        <v>3</v>
      </c>
      <c r="G30" s="39">
        <v>156304</v>
      </c>
      <c r="H30" s="39">
        <v>31</v>
      </c>
      <c r="I30" s="39">
        <v>99707</v>
      </c>
      <c r="J30" s="110">
        <v>33</v>
      </c>
      <c r="K30" s="111">
        <v>169824</v>
      </c>
      <c r="L30" s="39">
        <v>33</v>
      </c>
      <c r="M30" s="39">
        <v>0</v>
      </c>
      <c r="N30" s="39">
        <v>7</v>
      </c>
      <c r="O30" s="39">
        <v>228125</v>
      </c>
      <c r="P30" s="39">
        <v>33</v>
      </c>
      <c r="Q30" s="39">
        <v>169823</v>
      </c>
      <c r="R30" s="110">
        <v>33</v>
      </c>
      <c r="S30" s="43">
        <v>25</v>
      </c>
      <c r="T30" s="39" t="s">
        <v>26</v>
      </c>
      <c r="U30" s="39">
        <v>24531</v>
      </c>
      <c r="V30" s="39">
        <v>22</v>
      </c>
      <c r="W30" s="39">
        <v>0</v>
      </c>
      <c r="X30" s="39">
        <v>7</v>
      </c>
      <c r="Y30" s="39">
        <v>29399</v>
      </c>
      <c r="Z30" s="39">
        <v>26</v>
      </c>
      <c r="AA30" s="39">
        <v>24531</v>
      </c>
      <c r="AB30" s="41">
        <v>22</v>
      </c>
      <c r="AC30" s="39">
        <v>300854</v>
      </c>
      <c r="AD30" s="39">
        <v>33</v>
      </c>
      <c r="AE30" s="39">
        <v>0</v>
      </c>
      <c r="AF30" s="39">
        <v>6</v>
      </c>
      <c r="AG30" s="39">
        <v>420886</v>
      </c>
      <c r="AH30" s="38">
        <v>33</v>
      </c>
      <c r="AI30" s="39">
        <v>300853</v>
      </c>
      <c r="AJ30" s="36">
        <v>33</v>
      </c>
    </row>
    <row r="31" spans="1:36" s="1" customFormat="1" ht="14.1" customHeight="1" x14ac:dyDescent="0.15">
      <c r="A31" s="43">
        <v>26</v>
      </c>
      <c r="B31" s="58" t="s">
        <v>25</v>
      </c>
      <c r="C31" s="39">
        <v>142574</v>
      </c>
      <c r="D31" s="39">
        <v>7</v>
      </c>
      <c r="E31" s="39">
        <v>0</v>
      </c>
      <c r="F31" s="39">
        <v>3</v>
      </c>
      <c r="G31" s="39">
        <v>171348</v>
      </c>
      <c r="H31" s="39">
        <v>21</v>
      </c>
      <c r="I31" s="39">
        <v>142573</v>
      </c>
      <c r="J31" s="110">
        <v>7</v>
      </c>
      <c r="K31" s="111">
        <v>204106</v>
      </c>
      <c r="L31" s="39">
        <v>6</v>
      </c>
      <c r="M31" s="39">
        <v>0</v>
      </c>
      <c r="N31" s="39">
        <v>7</v>
      </c>
      <c r="O31" s="39">
        <v>251176</v>
      </c>
      <c r="P31" s="39">
        <v>30</v>
      </c>
      <c r="Q31" s="39">
        <v>204110</v>
      </c>
      <c r="R31" s="110">
        <v>6</v>
      </c>
      <c r="S31" s="43">
        <v>26</v>
      </c>
      <c r="T31" s="39" t="s">
        <v>25</v>
      </c>
      <c r="U31" s="39">
        <v>28411</v>
      </c>
      <c r="V31" s="39">
        <v>2</v>
      </c>
      <c r="W31" s="39">
        <v>0</v>
      </c>
      <c r="X31" s="39">
        <v>7</v>
      </c>
      <c r="Y31" s="39">
        <v>33796</v>
      </c>
      <c r="Z31" s="39">
        <v>5</v>
      </c>
      <c r="AA31" s="39">
        <v>28411</v>
      </c>
      <c r="AB31" s="41">
        <v>2</v>
      </c>
      <c r="AC31" s="39">
        <v>379868</v>
      </c>
      <c r="AD31" s="39">
        <v>6</v>
      </c>
      <c r="AE31" s="39">
        <v>0</v>
      </c>
      <c r="AF31" s="39">
        <v>6</v>
      </c>
      <c r="AG31" s="39">
        <v>461516</v>
      </c>
      <c r="AH31" s="38">
        <v>29</v>
      </c>
      <c r="AI31" s="39">
        <v>379871</v>
      </c>
      <c r="AJ31" s="36">
        <v>6</v>
      </c>
    </row>
    <row r="32" spans="1:36" s="1" customFormat="1" ht="14.1" customHeight="1" x14ac:dyDescent="0.15">
      <c r="A32" s="43">
        <v>27</v>
      </c>
      <c r="B32" s="58" t="s">
        <v>24</v>
      </c>
      <c r="C32" s="39">
        <v>180530</v>
      </c>
      <c r="D32" s="39">
        <v>1</v>
      </c>
      <c r="E32" s="39">
        <v>0</v>
      </c>
      <c r="F32" s="39">
        <v>3</v>
      </c>
      <c r="G32" s="39">
        <v>215994</v>
      </c>
      <c r="H32" s="39">
        <v>2</v>
      </c>
      <c r="I32" s="39">
        <v>180530</v>
      </c>
      <c r="J32" s="110">
        <v>1</v>
      </c>
      <c r="K32" s="111">
        <v>226418</v>
      </c>
      <c r="L32" s="39">
        <v>1</v>
      </c>
      <c r="M32" s="39">
        <v>0</v>
      </c>
      <c r="N32" s="39">
        <v>7</v>
      </c>
      <c r="O32" s="39">
        <v>273195</v>
      </c>
      <c r="P32" s="39">
        <v>17</v>
      </c>
      <c r="Q32" s="39">
        <v>226418</v>
      </c>
      <c r="R32" s="110">
        <v>1</v>
      </c>
      <c r="S32" s="43">
        <v>27</v>
      </c>
      <c r="T32" s="39" t="s">
        <v>24</v>
      </c>
      <c r="U32" s="39">
        <v>27313</v>
      </c>
      <c r="V32" s="39">
        <v>5</v>
      </c>
      <c r="W32" s="39">
        <v>0</v>
      </c>
      <c r="X32" s="39">
        <v>7</v>
      </c>
      <c r="Y32" s="39">
        <v>30851</v>
      </c>
      <c r="Z32" s="39">
        <v>20</v>
      </c>
      <c r="AA32" s="39">
        <v>27313</v>
      </c>
      <c r="AB32" s="41">
        <v>5</v>
      </c>
      <c r="AC32" s="39">
        <v>440405</v>
      </c>
      <c r="AD32" s="39">
        <v>1</v>
      </c>
      <c r="AE32" s="39">
        <v>0</v>
      </c>
      <c r="AF32" s="39">
        <v>6</v>
      </c>
      <c r="AG32" s="39">
        <v>527687</v>
      </c>
      <c r="AH32" s="38">
        <v>3</v>
      </c>
      <c r="AI32" s="39">
        <v>440405</v>
      </c>
      <c r="AJ32" s="36">
        <v>1</v>
      </c>
    </row>
    <row r="33" spans="1:36" s="1" customFormat="1" ht="14.1" customHeight="1" x14ac:dyDescent="0.15">
      <c r="A33" s="43">
        <v>28</v>
      </c>
      <c r="B33" s="58" t="s">
        <v>23</v>
      </c>
      <c r="C33" s="39">
        <v>127687</v>
      </c>
      <c r="D33" s="39">
        <v>17</v>
      </c>
      <c r="E33" s="39">
        <v>0</v>
      </c>
      <c r="F33" s="39">
        <v>3</v>
      </c>
      <c r="G33" s="39">
        <v>146136</v>
      </c>
      <c r="H33" s="39">
        <v>33</v>
      </c>
      <c r="I33" s="39">
        <v>127687</v>
      </c>
      <c r="J33" s="110">
        <v>17</v>
      </c>
      <c r="K33" s="111">
        <v>218475</v>
      </c>
      <c r="L33" s="39">
        <v>2</v>
      </c>
      <c r="M33" s="39">
        <v>0</v>
      </c>
      <c r="N33" s="39">
        <v>7</v>
      </c>
      <c r="O33" s="39">
        <v>304468</v>
      </c>
      <c r="P33" s="39">
        <v>1</v>
      </c>
      <c r="Q33" s="39">
        <v>218531</v>
      </c>
      <c r="R33" s="110">
        <v>2</v>
      </c>
      <c r="S33" s="43">
        <v>28</v>
      </c>
      <c r="T33" s="39" t="s">
        <v>23</v>
      </c>
      <c r="U33" s="39">
        <v>29134</v>
      </c>
      <c r="V33" s="39">
        <v>1</v>
      </c>
      <c r="W33" s="39">
        <v>0</v>
      </c>
      <c r="X33" s="39">
        <v>7</v>
      </c>
      <c r="Y33" s="39">
        <v>34500</v>
      </c>
      <c r="Z33" s="39">
        <v>2</v>
      </c>
      <c r="AA33" s="39">
        <v>29134</v>
      </c>
      <c r="AB33" s="41">
        <v>1</v>
      </c>
      <c r="AC33" s="39">
        <v>382353</v>
      </c>
      <c r="AD33" s="39">
        <v>5</v>
      </c>
      <c r="AE33" s="39">
        <v>0</v>
      </c>
      <c r="AF33" s="39">
        <v>6</v>
      </c>
      <c r="AG33" s="39">
        <v>491882</v>
      </c>
      <c r="AH33" s="38">
        <v>13</v>
      </c>
      <c r="AI33" s="39">
        <v>382462</v>
      </c>
      <c r="AJ33" s="36">
        <v>5</v>
      </c>
    </row>
    <row r="34" spans="1:36" s="1" customFormat="1" ht="14.1" customHeight="1" x14ac:dyDescent="0.15">
      <c r="A34" s="43">
        <v>29</v>
      </c>
      <c r="B34" s="58" t="s">
        <v>22</v>
      </c>
      <c r="C34" s="39">
        <v>156560</v>
      </c>
      <c r="D34" s="39">
        <v>4</v>
      </c>
      <c r="E34" s="39">
        <v>0</v>
      </c>
      <c r="F34" s="39">
        <v>3</v>
      </c>
      <c r="G34" s="39">
        <v>194520</v>
      </c>
      <c r="H34" s="39">
        <v>5</v>
      </c>
      <c r="I34" s="39">
        <v>156559</v>
      </c>
      <c r="J34" s="110">
        <v>4</v>
      </c>
      <c r="K34" s="111">
        <v>192039</v>
      </c>
      <c r="L34" s="39">
        <v>20</v>
      </c>
      <c r="M34" s="39">
        <v>0</v>
      </c>
      <c r="N34" s="39">
        <v>7</v>
      </c>
      <c r="O34" s="39">
        <v>270232</v>
      </c>
      <c r="P34" s="39">
        <v>22</v>
      </c>
      <c r="Q34" s="39">
        <v>192053</v>
      </c>
      <c r="R34" s="110">
        <v>20</v>
      </c>
      <c r="S34" s="43">
        <v>29</v>
      </c>
      <c r="T34" s="39" t="s">
        <v>22</v>
      </c>
      <c r="U34" s="39">
        <v>22976</v>
      </c>
      <c r="V34" s="39">
        <v>29</v>
      </c>
      <c r="W34" s="39">
        <v>0</v>
      </c>
      <c r="X34" s="39">
        <v>7</v>
      </c>
      <c r="Y34" s="39">
        <v>29660</v>
      </c>
      <c r="Z34" s="39">
        <v>24</v>
      </c>
      <c r="AA34" s="39">
        <v>22976</v>
      </c>
      <c r="AB34" s="41">
        <v>29</v>
      </c>
      <c r="AC34" s="39">
        <v>375692</v>
      </c>
      <c r="AD34" s="39">
        <v>9</v>
      </c>
      <c r="AE34" s="39">
        <v>0</v>
      </c>
      <c r="AF34" s="39">
        <v>6</v>
      </c>
      <c r="AG34" s="39">
        <v>497476</v>
      </c>
      <c r="AH34" s="38">
        <v>11</v>
      </c>
      <c r="AI34" s="39">
        <v>375705</v>
      </c>
      <c r="AJ34" s="36">
        <v>9</v>
      </c>
    </row>
    <row r="35" spans="1:36" s="1" customFormat="1" ht="14.1" customHeight="1" x14ac:dyDescent="0.15">
      <c r="A35" s="43">
        <v>30</v>
      </c>
      <c r="B35" s="58" t="s">
        <v>21</v>
      </c>
      <c r="C35" s="39">
        <v>160139</v>
      </c>
      <c r="D35" s="39">
        <v>3</v>
      </c>
      <c r="E35" s="39">
        <v>0</v>
      </c>
      <c r="F35" s="39">
        <v>3</v>
      </c>
      <c r="G35" s="39">
        <v>232634</v>
      </c>
      <c r="H35" s="39">
        <v>1</v>
      </c>
      <c r="I35" s="39">
        <v>160193</v>
      </c>
      <c r="J35" s="110">
        <v>3</v>
      </c>
      <c r="K35" s="111">
        <v>201402</v>
      </c>
      <c r="L35" s="39">
        <v>9</v>
      </c>
      <c r="M35" s="39">
        <v>0</v>
      </c>
      <c r="N35" s="39">
        <v>7</v>
      </c>
      <c r="O35" s="39">
        <v>281464</v>
      </c>
      <c r="P35" s="39">
        <v>10</v>
      </c>
      <c r="Q35" s="39">
        <v>201832</v>
      </c>
      <c r="R35" s="110">
        <v>8</v>
      </c>
      <c r="S35" s="43">
        <v>30</v>
      </c>
      <c r="T35" s="39" t="s">
        <v>21</v>
      </c>
      <c r="U35" s="39">
        <v>20794</v>
      </c>
      <c r="V35" s="39">
        <v>32</v>
      </c>
      <c r="W35" s="39">
        <v>0</v>
      </c>
      <c r="X35" s="39">
        <v>7</v>
      </c>
      <c r="Y35" s="39">
        <v>25378</v>
      </c>
      <c r="Z35" s="39">
        <v>32</v>
      </c>
      <c r="AA35" s="39">
        <v>20871</v>
      </c>
      <c r="AB35" s="41">
        <v>32</v>
      </c>
      <c r="AC35" s="39">
        <v>389239</v>
      </c>
      <c r="AD35" s="39">
        <v>2</v>
      </c>
      <c r="AE35" s="39">
        <v>0</v>
      </c>
      <c r="AF35" s="39">
        <v>6</v>
      </c>
      <c r="AG35" s="39">
        <v>549797</v>
      </c>
      <c r="AH35" s="38">
        <v>1</v>
      </c>
      <c r="AI35" s="39">
        <v>389801</v>
      </c>
      <c r="AJ35" s="36">
        <v>2</v>
      </c>
    </row>
    <row r="36" spans="1:36" s="1" customFormat="1" ht="14.1" customHeight="1" x14ac:dyDescent="0.15">
      <c r="A36" s="43">
        <v>31</v>
      </c>
      <c r="B36" s="58" t="s">
        <v>20</v>
      </c>
      <c r="C36" s="39">
        <v>133521</v>
      </c>
      <c r="D36" s="39">
        <v>12</v>
      </c>
      <c r="E36" s="39">
        <v>0</v>
      </c>
      <c r="F36" s="39">
        <v>3</v>
      </c>
      <c r="G36" s="39">
        <v>178108</v>
      </c>
      <c r="H36" s="39">
        <v>17</v>
      </c>
      <c r="I36" s="39">
        <v>133520</v>
      </c>
      <c r="J36" s="41">
        <v>12</v>
      </c>
      <c r="K36" s="39">
        <v>192636</v>
      </c>
      <c r="L36" s="39">
        <v>17</v>
      </c>
      <c r="M36" s="39">
        <v>0</v>
      </c>
      <c r="N36" s="39">
        <v>7</v>
      </c>
      <c r="O36" s="39">
        <v>255436</v>
      </c>
      <c r="P36" s="39">
        <v>29</v>
      </c>
      <c r="Q36" s="39">
        <v>192636</v>
      </c>
      <c r="R36" s="41">
        <v>17</v>
      </c>
      <c r="S36" s="43">
        <v>31</v>
      </c>
      <c r="T36" s="39" t="s">
        <v>20</v>
      </c>
      <c r="U36" s="39">
        <v>22601</v>
      </c>
      <c r="V36" s="39">
        <v>31</v>
      </c>
      <c r="W36" s="39">
        <v>0</v>
      </c>
      <c r="X36" s="39">
        <v>7</v>
      </c>
      <c r="Y36" s="39">
        <v>25998</v>
      </c>
      <c r="Z36" s="39">
        <v>31</v>
      </c>
      <c r="AA36" s="39">
        <v>22601</v>
      </c>
      <c r="AB36" s="41">
        <v>31</v>
      </c>
      <c r="AC36" s="39">
        <v>355820</v>
      </c>
      <c r="AD36" s="39">
        <v>17</v>
      </c>
      <c r="AE36" s="39">
        <v>0</v>
      </c>
      <c r="AF36" s="39">
        <v>6</v>
      </c>
      <c r="AG36" s="39">
        <v>466580</v>
      </c>
      <c r="AH36" s="38">
        <v>27</v>
      </c>
      <c r="AI36" s="39">
        <v>355820</v>
      </c>
      <c r="AJ36" s="36">
        <v>17</v>
      </c>
    </row>
    <row r="37" spans="1:36" s="1" customFormat="1" ht="14.1" customHeight="1" x14ac:dyDescent="0.15">
      <c r="A37" s="43">
        <v>32</v>
      </c>
      <c r="B37" s="58" t="s">
        <v>19</v>
      </c>
      <c r="C37" s="39">
        <v>137150</v>
      </c>
      <c r="D37" s="39">
        <v>9</v>
      </c>
      <c r="E37" s="39">
        <v>0</v>
      </c>
      <c r="F37" s="39">
        <v>3</v>
      </c>
      <c r="G37" s="39">
        <v>180746</v>
      </c>
      <c r="H37" s="39">
        <v>14</v>
      </c>
      <c r="I37" s="39">
        <v>137150</v>
      </c>
      <c r="J37" s="41">
        <v>9</v>
      </c>
      <c r="K37" s="39">
        <v>197223</v>
      </c>
      <c r="L37" s="39">
        <v>13</v>
      </c>
      <c r="M37" s="39">
        <v>0</v>
      </c>
      <c r="N37" s="39">
        <v>7</v>
      </c>
      <c r="O37" s="39">
        <v>282844</v>
      </c>
      <c r="P37" s="39">
        <v>9</v>
      </c>
      <c r="Q37" s="39">
        <v>197223</v>
      </c>
      <c r="R37" s="41">
        <v>14</v>
      </c>
      <c r="S37" s="43">
        <v>32</v>
      </c>
      <c r="T37" s="39" t="s">
        <v>19</v>
      </c>
      <c r="U37" s="39">
        <v>19683</v>
      </c>
      <c r="V37" s="39">
        <v>33</v>
      </c>
      <c r="W37" s="39">
        <v>0</v>
      </c>
      <c r="X37" s="39">
        <v>7</v>
      </c>
      <c r="Y37" s="39">
        <v>23859</v>
      </c>
      <c r="Z37" s="39">
        <v>33</v>
      </c>
      <c r="AA37" s="39">
        <v>19683</v>
      </c>
      <c r="AB37" s="41">
        <v>33</v>
      </c>
      <c r="AC37" s="39">
        <v>360281</v>
      </c>
      <c r="AD37" s="39">
        <v>15</v>
      </c>
      <c r="AE37" s="39">
        <v>0</v>
      </c>
      <c r="AF37" s="39">
        <v>6</v>
      </c>
      <c r="AG37" s="39">
        <v>495874</v>
      </c>
      <c r="AH37" s="38">
        <v>12</v>
      </c>
      <c r="AI37" s="39">
        <v>360282</v>
      </c>
      <c r="AJ37" s="36">
        <v>15</v>
      </c>
    </row>
    <row r="38" spans="1:36" s="1" customFormat="1" ht="14.1" customHeight="1" thickBot="1" x14ac:dyDescent="0.2">
      <c r="A38" s="56">
        <v>33</v>
      </c>
      <c r="B38" s="57" t="s">
        <v>18</v>
      </c>
      <c r="C38" s="29">
        <v>169751</v>
      </c>
      <c r="D38" s="29">
        <v>2</v>
      </c>
      <c r="E38" s="29">
        <v>0</v>
      </c>
      <c r="F38" s="29">
        <v>3</v>
      </c>
      <c r="G38" s="29">
        <v>183255</v>
      </c>
      <c r="H38" s="29">
        <v>12</v>
      </c>
      <c r="I38" s="29">
        <v>169751</v>
      </c>
      <c r="J38" s="31">
        <v>2</v>
      </c>
      <c r="K38" s="29">
        <v>185594</v>
      </c>
      <c r="L38" s="29">
        <v>28</v>
      </c>
      <c r="M38" s="29">
        <v>0</v>
      </c>
      <c r="N38" s="29">
        <v>7</v>
      </c>
      <c r="O38" s="29">
        <v>231992</v>
      </c>
      <c r="P38" s="29">
        <v>32</v>
      </c>
      <c r="Q38" s="29">
        <v>185594</v>
      </c>
      <c r="R38" s="31">
        <v>28</v>
      </c>
      <c r="S38" s="56">
        <v>33</v>
      </c>
      <c r="T38" s="29" t="s">
        <v>18</v>
      </c>
      <c r="U38" s="29">
        <v>25766</v>
      </c>
      <c r="V38" s="29">
        <v>14</v>
      </c>
      <c r="W38" s="29">
        <v>0</v>
      </c>
      <c r="X38" s="29">
        <v>7</v>
      </c>
      <c r="Y38" s="29">
        <v>29408</v>
      </c>
      <c r="Z38" s="29">
        <v>25</v>
      </c>
      <c r="AA38" s="95">
        <v>25766</v>
      </c>
      <c r="AB38" s="31">
        <v>14</v>
      </c>
      <c r="AC38" s="29">
        <v>386916</v>
      </c>
      <c r="AD38" s="29">
        <v>3</v>
      </c>
      <c r="AE38" s="29">
        <v>0</v>
      </c>
      <c r="AF38" s="29">
        <v>6</v>
      </c>
      <c r="AG38" s="29">
        <v>447054</v>
      </c>
      <c r="AH38" s="28">
        <v>32</v>
      </c>
      <c r="AI38" s="95">
        <v>386916</v>
      </c>
      <c r="AJ38" s="26">
        <v>3</v>
      </c>
    </row>
    <row r="39" spans="1:36" s="1" customFormat="1" ht="14.1" customHeight="1" thickTop="1" x14ac:dyDescent="0.15">
      <c r="A39" s="109">
        <v>301</v>
      </c>
      <c r="B39" s="108" t="s">
        <v>96</v>
      </c>
      <c r="C39" s="96">
        <v>44771</v>
      </c>
      <c r="D39" s="96">
        <v>4</v>
      </c>
      <c r="E39" s="55" t="s">
        <v>0</v>
      </c>
      <c r="F39" s="55" t="s">
        <v>0</v>
      </c>
      <c r="G39" s="96">
        <v>107783</v>
      </c>
      <c r="H39" s="96">
        <v>5</v>
      </c>
      <c r="I39" s="96">
        <v>44771</v>
      </c>
      <c r="J39" s="107">
        <v>4</v>
      </c>
      <c r="K39" s="96">
        <v>127128</v>
      </c>
      <c r="L39" s="96">
        <v>2</v>
      </c>
      <c r="M39" s="51" t="s">
        <v>87</v>
      </c>
      <c r="N39" s="51" t="s">
        <v>0</v>
      </c>
      <c r="O39" s="96">
        <v>224877</v>
      </c>
      <c r="P39" s="96">
        <v>6</v>
      </c>
      <c r="Q39" s="96">
        <v>127128</v>
      </c>
      <c r="R39" s="107">
        <v>2</v>
      </c>
      <c r="S39" s="53">
        <v>301</v>
      </c>
      <c r="T39" s="42" t="s">
        <v>96</v>
      </c>
      <c r="U39" s="49">
        <v>22157</v>
      </c>
      <c r="V39" s="49">
        <v>2</v>
      </c>
      <c r="W39" s="106" t="s">
        <v>87</v>
      </c>
      <c r="X39" s="106" t="s">
        <v>87</v>
      </c>
      <c r="Y39" s="49">
        <v>29086</v>
      </c>
      <c r="Z39" s="49">
        <v>4</v>
      </c>
      <c r="AA39" s="96">
        <v>22157</v>
      </c>
      <c r="AB39" s="52">
        <v>2</v>
      </c>
      <c r="AC39" s="49">
        <v>195945</v>
      </c>
      <c r="AD39" s="49">
        <v>2</v>
      </c>
      <c r="AE39" s="50" t="s">
        <v>87</v>
      </c>
      <c r="AF39" s="50" t="s">
        <v>87</v>
      </c>
      <c r="AG39" s="49">
        <v>364610</v>
      </c>
      <c r="AH39" s="47">
        <v>6</v>
      </c>
      <c r="AI39" s="96">
        <v>195945</v>
      </c>
      <c r="AJ39" s="36">
        <v>2</v>
      </c>
    </row>
    <row r="40" spans="1:36" s="1" customFormat="1" ht="14.1" customHeight="1" x14ac:dyDescent="0.15">
      <c r="A40" s="43">
        <v>302</v>
      </c>
      <c r="B40" s="45" t="s">
        <v>95</v>
      </c>
      <c r="C40" s="39">
        <v>41468</v>
      </c>
      <c r="D40" s="39">
        <v>6</v>
      </c>
      <c r="E40" s="44" t="s">
        <v>87</v>
      </c>
      <c r="F40" s="44" t="s">
        <v>87</v>
      </c>
      <c r="G40" s="39">
        <v>106037</v>
      </c>
      <c r="H40" s="39">
        <v>6</v>
      </c>
      <c r="I40" s="39">
        <v>41468</v>
      </c>
      <c r="J40" s="41">
        <v>6</v>
      </c>
      <c r="K40" s="39">
        <v>110932</v>
      </c>
      <c r="L40" s="39">
        <v>4</v>
      </c>
      <c r="M40" s="40" t="s">
        <v>87</v>
      </c>
      <c r="N40" s="40" t="s">
        <v>0</v>
      </c>
      <c r="O40" s="39">
        <v>301722</v>
      </c>
      <c r="P40" s="39">
        <v>2</v>
      </c>
      <c r="Q40" s="39">
        <v>110932</v>
      </c>
      <c r="R40" s="41">
        <v>4</v>
      </c>
      <c r="S40" s="43">
        <v>302</v>
      </c>
      <c r="T40" s="42" t="s">
        <v>95</v>
      </c>
      <c r="U40" s="39">
        <v>8973</v>
      </c>
      <c r="V40" s="39">
        <v>6</v>
      </c>
      <c r="W40" s="40" t="s">
        <v>87</v>
      </c>
      <c r="X40" s="40" t="s">
        <v>0</v>
      </c>
      <c r="Y40" s="39">
        <v>12603</v>
      </c>
      <c r="Z40" s="39">
        <v>6</v>
      </c>
      <c r="AA40" s="39">
        <v>8973</v>
      </c>
      <c r="AB40" s="41">
        <v>6</v>
      </c>
      <c r="AC40" s="39">
        <v>164470</v>
      </c>
      <c r="AD40" s="39">
        <v>6</v>
      </c>
      <c r="AE40" s="40" t="s">
        <v>87</v>
      </c>
      <c r="AF40" s="40" t="s">
        <v>87</v>
      </c>
      <c r="AG40" s="39">
        <v>426880</v>
      </c>
      <c r="AH40" s="38">
        <v>4</v>
      </c>
      <c r="AI40" s="39">
        <v>164470</v>
      </c>
      <c r="AJ40" s="36">
        <v>6</v>
      </c>
    </row>
    <row r="41" spans="1:36" s="1" customFormat="1" ht="14.1" customHeight="1" x14ac:dyDescent="0.15">
      <c r="A41" s="43">
        <v>303</v>
      </c>
      <c r="B41" s="45" t="s">
        <v>94</v>
      </c>
      <c r="C41" s="39">
        <v>65017</v>
      </c>
      <c r="D41" s="39">
        <v>1</v>
      </c>
      <c r="E41" s="44" t="s">
        <v>87</v>
      </c>
      <c r="F41" s="44" t="s">
        <v>87</v>
      </c>
      <c r="G41" s="39">
        <v>148191</v>
      </c>
      <c r="H41" s="39">
        <v>3</v>
      </c>
      <c r="I41" s="39">
        <v>65017</v>
      </c>
      <c r="J41" s="41">
        <v>1</v>
      </c>
      <c r="K41" s="39">
        <v>140210</v>
      </c>
      <c r="L41" s="39">
        <v>1</v>
      </c>
      <c r="M41" s="40" t="s">
        <v>87</v>
      </c>
      <c r="N41" s="40" t="s">
        <v>87</v>
      </c>
      <c r="O41" s="39">
        <v>299588</v>
      </c>
      <c r="P41" s="39">
        <v>3</v>
      </c>
      <c r="Q41" s="39">
        <v>140210</v>
      </c>
      <c r="R41" s="41">
        <v>1</v>
      </c>
      <c r="S41" s="43">
        <v>303</v>
      </c>
      <c r="T41" s="42" t="s">
        <v>94</v>
      </c>
      <c r="U41" s="39">
        <v>25956</v>
      </c>
      <c r="V41" s="39">
        <v>1</v>
      </c>
      <c r="W41" s="106" t="s">
        <v>87</v>
      </c>
      <c r="X41" s="106" t="s">
        <v>87</v>
      </c>
      <c r="Y41" s="39">
        <v>39610</v>
      </c>
      <c r="Z41" s="39">
        <v>1</v>
      </c>
      <c r="AA41" s="39">
        <v>25956</v>
      </c>
      <c r="AB41" s="41">
        <v>1</v>
      </c>
      <c r="AC41" s="39">
        <v>236406</v>
      </c>
      <c r="AD41" s="39">
        <v>1</v>
      </c>
      <c r="AE41" s="40" t="s">
        <v>87</v>
      </c>
      <c r="AF41" s="40" t="s">
        <v>0</v>
      </c>
      <c r="AG41" s="39">
        <v>497034</v>
      </c>
      <c r="AH41" s="38">
        <v>2</v>
      </c>
      <c r="AI41" s="39">
        <v>236406</v>
      </c>
      <c r="AJ41" s="36">
        <v>1</v>
      </c>
    </row>
    <row r="42" spans="1:36" s="1" customFormat="1" ht="14.1" customHeight="1" x14ac:dyDescent="0.15">
      <c r="A42" s="43">
        <v>304</v>
      </c>
      <c r="B42" s="45" t="s">
        <v>93</v>
      </c>
      <c r="C42" s="39">
        <v>44207</v>
      </c>
      <c r="D42" s="39">
        <v>5</v>
      </c>
      <c r="E42" s="44" t="s">
        <v>87</v>
      </c>
      <c r="F42" s="44" t="s">
        <v>0</v>
      </c>
      <c r="G42" s="39">
        <v>129115</v>
      </c>
      <c r="H42" s="39">
        <v>4</v>
      </c>
      <c r="I42" s="39">
        <v>44207</v>
      </c>
      <c r="J42" s="41">
        <v>5</v>
      </c>
      <c r="K42" s="39">
        <v>118879</v>
      </c>
      <c r="L42" s="39">
        <v>3</v>
      </c>
      <c r="M42" s="40" t="s">
        <v>87</v>
      </c>
      <c r="N42" s="40" t="s">
        <v>87</v>
      </c>
      <c r="O42" s="39">
        <v>261014</v>
      </c>
      <c r="P42" s="39">
        <v>5</v>
      </c>
      <c r="Q42" s="39">
        <v>118879</v>
      </c>
      <c r="R42" s="41">
        <v>3</v>
      </c>
      <c r="S42" s="43">
        <v>304</v>
      </c>
      <c r="T42" s="42" t="s">
        <v>93</v>
      </c>
      <c r="U42" s="39">
        <v>22103</v>
      </c>
      <c r="V42" s="39">
        <v>3</v>
      </c>
      <c r="W42" s="40" t="s">
        <v>87</v>
      </c>
      <c r="X42" s="40" t="s">
        <v>87</v>
      </c>
      <c r="Y42" s="39">
        <v>29246</v>
      </c>
      <c r="Z42" s="39">
        <v>3</v>
      </c>
      <c r="AA42" s="39">
        <v>22103</v>
      </c>
      <c r="AB42" s="41">
        <v>3</v>
      </c>
      <c r="AC42" s="39">
        <v>187498</v>
      </c>
      <c r="AD42" s="39">
        <v>5</v>
      </c>
      <c r="AE42" s="40" t="s">
        <v>87</v>
      </c>
      <c r="AF42" s="40" t="s">
        <v>87</v>
      </c>
      <c r="AG42" s="39">
        <v>424842</v>
      </c>
      <c r="AH42" s="38">
        <v>5</v>
      </c>
      <c r="AI42" s="39">
        <v>187498</v>
      </c>
      <c r="AJ42" s="36">
        <v>5</v>
      </c>
    </row>
    <row r="43" spans="1:36" s="1" customFormat="1" ht="14.1" customHeight="1" x14ac:dyDescent="0.15">
      <c r="A43" s="43">
        <v>305</v>
      </c>
      <c r="B43" s="45" t="s">
        <v>92</v>
      </c>
      <c r="C43" s="39">
        <v>53526</v>
      </c>
      <c r="D43" s="39">
        <v>3</v>
      </c>
      <c r="E43" s="44" t="s">
        <v>87</v>
      </c>
      <c r="F43" s="44" t="s">
        <v>87</v>
      </c>
      <c r="G43" s="39">
        <v>160344</v>
      </c>
      <c r="H43" s="39">
        <v>2</v>
      </c>
      <c r="I43" s="39">
        <v>53526</v>
      </c>
      <c r="J43" s="41">
        <v>3</v>
      </c>
      <c r="K43" s="39">
        <v>109858</v>
      </c>
      <c r="L43" s="39">
        <v>5</v>
      </c>
      <c r="M43" s="40" t="s">
        <v>87</v>
      </c>
      <c r="N43" s="40" t="s">
        <v>87</v>
      </c>
      <c r="O43" s="39">
        <v>268702</v>
      </c>
      <c r="P43" s="39">
        <v>4</v>
      </c>
      <c r="Q43" s="39">
        <v>109858</v>
      </c>
      <c r="R43" s="41">
        <v>5</v>
      </c>
      <c r="S43" s="43">
        <v>305</v>
      </c>
      <c r="T43" s="42" t="s">
        <v>92</v>
      </c>
      <c r="U43" s="39">
        <v>20227</v>
      </c>
      <c r="V43" s="39">
        <v>5</v>
      </c>
      <c r="W43" s="106" t="s">
        <v>87</v>
      </c>
      <c r="X43" s="106" t="s">
        <v>87</v>
      </c>
      <c r="Y43" s="39">
        <v>28761</v>
      </c>
      <c r="Z43" s="39">
        <v>5</v>
      </c>
      <c r="AA43" s="39">
        <v>20227</v>
      </c>
      <c r="AB43" s="41">
        <v>5</v>
      </c>
      <c r="AC43" s="39">
        <v>187782</v>
      </c>
      <c r="AD43" s="39">
        <v>4</v>
      </c>
      <c r="AE43" s="40" t="s">
        <v>87</v>
      </c>
      <c r="AF43" s="40" t="s">
        <v>87</v>
      </c>
      <c r="AG43" s="39">
        <v>468185</v>
      </c>
      <c r="AH43" s="38">
        <v>3</v>
      </c>
      <c r="AI43" s="39">
        <v>187782</v>
      </c>
      <c r="AJ43" s="36">
        <v>4</v>
      </c>
    </row>
    <row r="44" spans="1:36" s="1" customFormat="1" ht="14.1" customHeight="1" thickBot="1" x14ac:dyDescent="0.2">
      <c r="A44" s="33">
        <v>306</v>
      </c>
      <c r="B44" s="35" t="s">
        <v>91</v>
      </c>
      <c r="C44" s="29">
        <v>56967</v>
      </c>
      <c r="D44" s="29">
        <v>2</v>
      </c>
      <c r="E44" s="34" t="s">
        <v>87</v>
      </c>
      <c r="F44" s="34" t="s">
        <v>0</v>
      </c>
      <c r="G44" s="29">
        <v>193043</v>
      </c>
      <c r="H44" s="29">
        <v>1</v>
      </c>
      <c r="I44" s="95">
        <v>56967</v>
      </c>
      <c r="J44" s="31">
        <v>2</v>
      </c>
      <c r="K44" s="29">
        <v>107672</v>
      </c>
      <c r="L44" s="29">
        <v>6</v>
      </c>
      <c r="M44" s="30" t="s">
        <v>87</v>
      </c>
      <c r="N44" s="30" t="s">
        <v>87</v>
      </c>
      <c r="O44" s="29">
        <v>302385</v>
      </c>
      <c r="P44" s="29">
        <v>1</v>
      </c>
      <c r="Q44" s="95">
        <v>107672</v>
      </c>
      <c r="R44" s="31">
        <v>6</v>
      </c>
      <c r="S44" s="33">
        <v>306</v>
      </c>
      <c r="T44" s="32" t="s">
        <v>10</v>
      </c>
      <c r="U44" s="29">
        <v>20751</v>
      </c>
      <c r="V44" s="29">
        <v>4</v>
      </c>
      <c r="W44" s="30" t="s">
        <v>87</v>
      </c>
      <c r="X44" s="30" t="s">
        <v>0</v>
      </c>
      <c r="Y44" s="29">
        <v>30965</v>
      </c>
      <c r="Z44" s="29">
        <v>2</v>
      </c>
      <c r="AA44" s="29">
        <v>20751</v>
      </c>
      <c r="AB44" s="31">
        <v>4</v>
      </c>
      <c r="AC44" s="29">
        <v>188810</v>
      </c>
      <c r="AD44" s="29">
        <v>3</v>
      </c>
      <c r="AE44" s="30" t="s">
        <v>87</v>
      </c>
      <c r="AF44" s="30" t="s">
        <v>87</v>
      </c>
      <c r="AG44" s="29">
        <v>533239</v>
      </c>
      <c r="AH44" s="28">
        <v>1</v>
      </c>
      <c r="AI44" s="95">
        <v>188810</v>
      </c>
      <c r="AJ44" s="26">
        <v>3</v>
      </c>
    </row>
    <row r="45" spans="1:36" s="1" customFormat="1" ht="14.1" customHeight="1" thickTop="1" thickBot="1" x14ac:dyDescent="0.2">
      <c r="A45" s="25" t="s">
        <v>90</v>
      </c>
      <c r="B45" s="20"/>
      <c r="C45" s="29">
        <v>123550</v>
      </c>
      <c r="D45" s="19" t="s">
        <v>87</v>
      </c>
      <c r="E45" s="94">
        <v>1508252</v>
      </c>
      <c r="F45" s="19" t="s">
        <v>87</v>
      </c>
      <c r="G45" s="29">
        <v>181809</v>
      </c>
      <c r="H45" s="19" t="s">
        <v>0</v>
      </c>
      <c r="I45" s="91">
        <v>123557</v>
      </c>
      <c r="J45" s="22" t="s">
        <v>87</v>
      </c>
      <c r="K45" s="29">
        <v>194078</v>
      </c>
      <c r="L45" s="30" t="s">
        <v>87</v>
      </c>
      <c r="M45" s="94">
        <v>458488</v>
      </c>
      <c r="N45" s="30" t="s">
        <v>87</v>
      </c>
      <c r="O45" s="29">
        <v>284247</v>
      </c>
      <c r="P45" s="30" t="s">
        <v>87</v>
      </c>
      <c r="Q45" s="92">
        <v>194079</v>
      </c>
      <c r="R45" s="15" t="s">
        <v>87</v>
      </c>
      <c r="S45" s="25" t="s">
        <v>90</v>
      </c>
      <c r="T45" s="105"/>
      <c r="U45" s="29">
        <v>25449</v>
      </c>
      <c r="V45" s="17" t="s">
        <v>87</v>
      </c>
      <c r="W45" s="94">
        <v>110381</v>
      </c>
      <c r="X45" s="17" t="s">
        <v>87</v>
      </c>
      <c r="Y45" s="29">
        <v>32270</v>
      </c>
      <c r="Z45" s="17" t="s">
        <v>87</v>
      </c>
      <c r="AA45" s="92">
        <v>25449</v>
      </c>
      <c r="AB45" s="15" t="s">
        <v>87</v>
      </c>
      <c r="AC45" s="29">
        <v>350419</v>
      </c>
      <c r="AD45" s="17" t="s">
        <v>0</v>
      </c>
      <c r="AE45" s="94">
        <v>2193547</v>
      </c>
      <c r="AF45" s="17" t="s">
        <v>87</v>
      </c>
      <c r="AG45" s="29">
        <v>506840</v>
      </c>
      <c r="AH45" s="17" t="s">
        <v>87</v>
      </c>
      <c r="AI45" s="92">
        <v>350428</v>
      </c>
      <c r="AJ45" s="15" t="s">
        <v>87</v>
      </c>
    </row>
    <row r="46" spans="1:36" s="1" customFormat="1" ht="14.1" customHeight="1" thickTop="1" thickBot="1" x14ac:dyDescent="0.2">
      <c r="A46" s="21" t="s">
        <v>7</v>
      </c>
      <c r="B46" s="20"/>
      <c r="C46" s="29">
        <v>133226</v>
      </c>
      <c r="D46" s="19" t="s">
        <v>87</v>
      </c>
      <c r="E46" s="29">
        <v>0</v>
      </c>
      <c r="F46" s="19" t="s">
        <v>87</v>
      </c>
      <c r="G46" s="29">
        <v>178326</v>
      </c>
      <c r="H46" s="19" t="s">
        <v>87</v>
      </c>
      <c r="I46" s="92">
        <v>133239</v>
      </c>
      <c r="J46" s="22" t="s">
        <v>87</v>
      </c>
      <c r="K46" s="29">
        <v>195024</v>
      </c>
      <c r="L46" s="30" t="s">
        <v>87</v>
      </c>
      <c r="M46" s="29">
        <v>0</v>
      </c>
      <c r="N46" s="30" t="s">
        <v>87</v>
      </c>
      <c r="O46" s="29">
        <v>266914</v>
      </c>
      <c r="P46" s="30" t="s">
        <v>87</v>
      </c>
      <c r="Q46" s="92">
        <v>195048</v>
      </c>
      <c r="R46" s="104" t="s">
        <v>87</v>
      </c>
      <c r="S46" s="21" t="s">
        <v>7</v>
      </c>
      <c r="T46" s="103"/>
      <c r="U46" s="29">
        <v>23937</v>
      </c>
      <c r="V46" s="17" t="s">
        <v>87</v>
      </c>
      <c r="W46" s="29">
        <v>0</v>
      </c>
      <c r="X46" s="17" t="s">
        <v>0</v>
      </c>
      <c r="Y46" s="29">
        <v>29168</v>
      </c>
      <c r="Z46" s="17" t="s">
        <v>0</v>
      </c>
      <c r="AA46" s="93">
        <v>23940</v>
      </c>
      <c r="AB46" s="15" t="s">
        <v>87</v>
      </c>
      <c r="AC46" s="29">
        <v>358235</v>
      </c>
      <c r="AD46" s="17" t="s">
        <v>87</v>
      </c>
      <c r="AE46" s="29">
        <v>0</v>
      </c>
      <c r="AF46" s="17" t="s">
        <v>0</v>
      </c>
      <c r="AG46" s="29">
        <v>481265</v>
      </c>
      <c r="AH46" s="17" t="s">
        <v>87</v>
      </c>
      <c r="AI46" s="93">
        <v>358272</v>
      </c>
      <c r="AJ46" s="15" t="s">
        <v>87</v>
      </c>
    </row>
    <row r="47" spans="1:36" s="1" customFormat="1" ht="14.1" customHeight="1" thickTop="1" thickBot="1" x14ac:dyDescent="0.2">
      <c r="A47" s="21" t="s">
        <v>6</v>
      </c>
      <c r="B47" s="20"/>
      <c r="C47" s="29">
        <v>123928</v>
      </c>
      <c r="D47" s="19" t="s">
        <v>87</v>
      </c>
      <c r="E47" s="29">
        <v>1619682</v>
      </c>
      <c r="F47" s="19" t="s">
        <v>87</v>
      </c>
      <c r="G47" s="29">
        <v>181656</v>
      </c>
      <c r="H47" s="19" t="s">
        <v>87</v>
      </c>
      <c r="I47" s="93">
        <v>123935</v>
      </c>
      <c r="J47" s="22" t="s">
        <v>87</v>
      </c>
      <c r="K47" s="29">
        <v>194114</v>
      </c>
      <c r="L47" s="30" t="s">
        <v>87</v>
      </c>
      <c r="M47" s="29">
        <v>666535</v>
      </c>
      <c r="N47" s="30" t="s">
        <v>87</v>
      </c>
      <c r="O47" s="29">
        <v>283488</v>
      </c>
      <c r="P47" s="30" t="s">
        <v>87</v>
      </c>
      <c r="Q47" s="92">
        <v>194117</v>
      </c>
      <c r="R47" s="104" t="s">
        <v>87</v>
      </c>
      <c r="S47" s="21" t="s">
        <v>6</v>
      </c>
      <c r="T47" s="103"/>
      <c r="U47" s="29">
        <v>25390</v>
      </c>
      <c r="V47" s="17" t="s">
        <v>87</v>
      </c>
      <c r="W47" s="29">
        <v>131805</v>
      </c>
      <c r="X47" s="17" t="s">
        <v>87</v>
      </c>
      <c r="Y47" s="29">
        <v>32135</v>
      </c>
      <c r="Z47" s="17" t="s">
        <v>87</v>
      </c>
      <c r="AA47" s="91">
        <v>25390</v>
      </c>
      <c r="AB47" s="15" t="s">
        <v>87</v>
      </c>
      <c r="AC47" s="29">
        <v>350724</v>
      </c>
      <c r="AD47" s="17" t="s">
        <v>0</v>
      </c>
      <c r="AE47" s="29">
        <v>2512097</v>
      </c>
      <c r="AF47" s="17" t="s">
        <v>0</v>
      </c>
      <c r="AG47" s="29">
        <v>505721</v>
      </c>
      <c r="AH47" s="17" t="s">
        <v>87</v>
      </c>
      <c r="AI47" s="91">
        <v>350734</v>
      </c>
      <c r="AJ47" s="15" t="s">
        <v>87</v>
      </c>
    </row>
    <row r="48" spans="1:36" s="1" customFormat="1" ht="14.1" customHeight="1" thickTop="1" thickBot="1" x14ac:dyDescent="0.2">
      <c r="A48" s="21" t="s">
        <v>89</v>
      </c>
      <c r="B48" s="20"/>
      <c r="C48" s="29">
        <v>54113</v>
      </c>
      <c r="D48" s="19" t="s">
        <v>87</v>
      </c>
      <c r="E48" s="19" t="s">
        <v>87</v>
      </c>
      <c r="F48" s="19" t="s">
        <v>87</v>
      </c>
      <c r="G48" s="29">
        <v>164471</v>
      </c>
      <c r="H48" s="19" t="s">
        <v>87</v>
      </c>
      <c r="I48" s="91">
        <v>54113</v>
      </c>
      <c r="J48" s="22" t="s">
        <v>87</v>
      </c>
      <c r="K48" s="29">
        <v>113664</v>
      </c>
      <c r="L48" s="30" t="s">
        <v>87</v>
      </c>
      <c r="M48" s="30" t="s">
        <v>87</v>
      </c>
      <c r="N48" s="30" t="s">
        <v>87</v>
      </c>
      <c r="O48" s="29">
        <v>290157</v>
      </c>
      <c r="P48" s="30" t="s">
        <v>0</v>
      </c>
      <c r="Q48" s="92">
        <v>113664</v>
      </c>
      <c r="R48" s="104" t="s">
        <v>0</v>
      </c>
      <c r="S48" s="21" t="s">
        <v>89</v>
      </c>
      <c r="T48" s="103"/>
      <c r="U48" s="29">
        <v>19952</v>
      </c>
      <c r="V48" s="17" t="s">
        <v>0</v>
      </c>
      <c r="W48" s="17" t="s">
        <v>0</v>
      </c>
      <c r="X48" s="17" t="s">
        <v>87</v>
      </c>
      <c r="Y48" s="29">
        <v>30084</v>
      </c>
      <c r="Z48" s="17" t="s">
        <v>87</v>
      </c>
      <c r="AA48" s="91">
        <v>19952</v>
      </c>
      <c r="AB48" s="15" t="s">
        <v>87</v>
      </c>
      <c r="AC48" s="29">
        <v>191155</v>
      </c>
      <c r="AD48" s="17" t="s">
        <v>87</v>
      </c>
      <c r="AE48" s="17" t="s">
        <v>87</v>
      </c>
      <c r="AF48" s="17" t="s">
        <v>0</v>
      </c>
      <c r="AG48" s="29">
        <v>491707</v>
      </c>
      <c r="AH48" s="17" t="s">
        <v>87</v>
      </c>
      <c r="AI48" s="91">
        <v>191155</v>
      </c>
      <c r="AJ48" s="15" t="s">
        <v>87</v>
      </c>
    </row>
    <row r="49" spans="1:36" s="1" customFormat="1" ht="14.1" customHeight="1" thickTop="1" thickBot="1" x14ac:dyDescent="0.2">
      <c r="A49" s="13" t="s">
        <v>88</v>
      </c>
      <c r="B49" s="12"/>
      <c r="C49" s="100">
        <v>119105</v>
      </c>
      <c r="D49" s="10" t="s">
        <v>87</v>
      </c>
      <c r="E49" s="102">
        <v>1619682</v>
      </c>
      <c r="F49" s="10" t="s">
        <v>87</v>
      </c>
      <c r="G49" s="100">
        <v>181312</v>
      </c>
      <c r="H49" s="10" t="s">
        <v>87</v>
      </c>
      <c r="I49" s="90">
        <v>119112</v>
      </c>
      <c r="J49" s="14" t="s">
        <v>0</v>
      </c>
      <c r="K49" s="100">
        <v>188557</v>
      </c>
      <c r="L49" s="8" t="s">
        <v>87</v>
      </c>
      <c r="M49" s="100">
        <v>666535</v>
      </c>
      <c r="N49" s="8" t="s">
        <v>87</v>
      </c>
      <c r="O49" s="100">
        <v>283622</v>
      </c>
      <c r="P49" s="8" t="s">
        <v>87</v>
      </c>
      <c r="Q49" s="90">
        <v>188559</v>
      </c>
      <c r="R49" s="6" t="s">
        <v>87</v>
      </c>
      <c r="S49" s="13" t="s">
        <v>88</v>
      </c>
      <c r="T49" s="101"/>
      <c r="U49" s="90">
        <v>25014</v>
      </c>
      <c r="V49" s="8" t="s">
        <v>87</v>
      </c>
      <c r="W49" s="90">
        <v>131805</v>
      </c>
      <c r="X49" s="8" t="s">
        <v>87</v>
      </c>
      <c r="Y49" s="90">
        <v>32094</v>
      </c>
      <c r="Z49" s="8" t="s">
        <v>87</v>
      </c>
      <c r="AA49" s="90">
        <v>25015</v>
      </c>
      <c r="AB49" s="6" t="s">
        <v>0</v>
      </c>
      <c r="AC49" s="90">
        <v>339702</v>
      </c>
      <c r="AD49" s="8" t="s">
        <v>87</v>
      </c>
      <c r="AE49" s="90">
        <v>2512097</v>
      </c>
      <c r="AF49" s="8" t="s">
        <v>87</v>
      </c>
      <c r="AG49" s="90">
        <v>505440</v>
      </c>
      <c r="AH49" s="8" t="s">
        <v>87</v>
      </c>
      <c r="AI49" s="90">
        <v>339711</v>
      </c>
      <c r="AJ49" s="6" t="s">
        <v>0</v>
      </c>
    </row>
    <row r="50" spans="1:36" s="412" customFormat="1" ht="14.1" customHeight="1" x14ac:dyDescent="0.15">
      <c r="A50" s="99" t="s">
        <v>100</v>
      </c>
      <c r="B50" s="99"/>
      <c r="C50" s="99"/>
      <c r="D50" s="99"/>
      <c r="E50" s="99"/>
      <c r="F50" s="99"/>
      <c r="G50" s="99"/>
      <c r="H50" s="99"/>
      <c r="I50" s="99"/>
      <c r="J50" s="99"/>
      <c r="K50" s="99"/>
      <c r="L50" s="99"/>
      <c r="M50" s="99"/>
      <c r="N50" s="99"/>
      <c r="O50" s="99"/>
      <c r="P50" s="99"/>
      <c r="Q50" s="99"/>
      <c r="R50" s="99"/>
      <c r="S50" s="99" t="s">
        <v>100</v>
      </c>
      <c r="T50" s="99"/>
      <c r="U50" s="99"/>
      <c r="V50" s="99"/>
      <c r="W50" s="99"/>
      <c r="X50" s="99"/>
      <c r="Y50" s="99"/>
      <c r="Z50" s="99"/>
      <c r="AA50" s="99"/>
      <c r="AB50" s="99"/>
      <c r="AC50" s="99"/>
      <c r="AD50" s="99"/>
      <c r="AE50" s="99"/>
      <c r="AF50" s="99"/>
      <c r="AG50" s="99"/>
      <c r="AH50" s="99"/>
      <c r="AI50" s="99"/>
      <c r="AJ50" s="99"/>
    </row>
    <row r="51" spans="1:36" s="2" customFormat="1" ht="21" customHeight="1" x14ac:dyDescent="0.2">
      <c r="A51" s="83" t="s">
        <v>99</v>
      </c>
      <c r="B51" s="81"/>
      <c r="C51" s="81"/>
      <c r="D51" s="81"/>
      <c r="E51" s="81"/>
      <c r="F51" s="81"/>
      <c r="G51" s="81"/>
      <c r="H51" s="81"/>
      <c r="I51" s="81"/>
      <c r="J51" s="81"/>
      <c r="K51" s="81"/>
      <c r="L51" s="81"/>
      <c r="M51" s="81"/>
      <c r="N51" s="81"/>
      <c r="O51" s="81"/>
      <c r="P51" s="81"/>
      <c r="Q51" s="81"/>
      <c r="R51" s="81"/>
      <c r="S51" s="98" t="s">
        <v>98</v>
      </c>
      <c r="T51" s="81"/>
      <c r="U51" s="81"/>
      <c r="V51" s="81"/>
      <c r="W51" s="81"/>
      <c r="X51" s="81"/>
      <c r="Y51" s="81"/>
      <c r="Z51" s="81"/>
      <c r="AA51" s="81"/>
      <c r="AB51" s="81"/>
      <c r="AC51" s="81"/>
      <c r="AD51" s="81"/>
      <c r="AE51" s="81"/>
      <c r="AF51" s="81"/>
      <c r="AG51" s="81"/>
      <c r="AH51" s="81"/>
      <c r="AI51" s="81"/>
      <c r="AJ51" s="81"/>
    </row>
    <row r="52" spans="1:36" s="2" customFormat="1" ht="7.5" customHeight="1" thickBot="1" x14ac:dyDescent="0.25">
      <c r="A52" s="97"/>
      <c r="B52" s="81"/>
      <c r="C52" s="81"/>
      <c r="D52" s="81"/>
      <c r="E52" s="81"/>
      <c r="F52" s="81"/>
      <c r="G52" s="81"/>
      <c r="H52" s="81"/>
      <c r="I52" s="81"/>
      <c r="J52" s="81"/>
      <c r="K52" s="81"/>
      <c r="L52" s="81"/>
      <c r="M52" s="81"/>
      <c r="N52" s="81"/>
      <c r="O52" s="81"/>
      <c r="P52" s="81"/>
      <c r="Q52" s="81"/>
      <c r="R52" s="81"/>
      <c r="S52" s="81"/>
      <c r="T52" s="81"/>
      <c r="U52" s="81"/>
      <c r="V52" s="81"/>
      <c r="W52" s="81"/>
      <c r="X52" s="81"/>
      <c r="Y52" s="81"/>
      <c r="Z52" s="81"/>
      <c r="AA52" s="81"/>
      <c r="AB52" s="81"/>
      <c r="AC52" s="81"/>
      <c r="AD52" s="81"/>
      <c r="AE52" s="81"/>
      <c r="AF52" s="81"/>
      <c r="AG52" s="81"/>
      <c r="AH52" s="81"/>
      <c r="AI52" s="81"/>
      <c r="AJ52" s="79"/>
    </row>
    <row r="53" spans="1:36" s="1" customFormat="1" ht="10.8" x14ac:dyDescent="0.15">
      <c r="A53" s="76" t="s">
        <v>60</v>
      </c>
      <c r="B53" s="78"/>
      <c r="C53" s="74" t="s">
        <v>62</v>
      </c>
      <c r="D53" s="73"/>
      <c r="E53" s="73"/>
      <c r="F53" s="73"/>
      <c r="G53" s="73"/>
      <c r="H53" s="73"/>
      <c r="I53" s="73"/>
      <c r="J53" s="72"/>
      <c r="K53" s="77" t="s">
        <v>61</v>
      </c>
      <c r="L53" s="73"/>
      <c r="M53" s="73"/>
      <c r="N53" s="73"/>
      <c r="O53" s="73"/>
      <c r="P53" s="73"/>
      <c r="Q53" s="73"/>
      <c r="R53" s="72"/>
      <c r="S53" s="76" t="s">
        <v>60</v>
      </c>
      <c r="T53" s="75"/>
      <c r="U53" s="74" t="s">
        <v>59</v>
      </c>
      <c r="V53" s="73"/>
      <c r="W53" s="73"/>
      <c r="X53" s="73"/>
      <c r="Y53" s="73"/>
      <c r="Z53" s="73"/>
      <c r="AA53" s="73"/>
      <c r="AB53" s="72"/>
      <c r="AC53" s="73" t="s">
        <v>82</v>
      </c>
      <c r="AD53" s="73"/>
      <c r="AE53" s="73"/>
      <c r="AF53" s="73"/>
      <c r="AG53" s="73"/>
      <c r="AH53" s="73"/>
      <c r="AI53" s="73"/>
      <c r="AJ53" s="72"/>
    </row>
    <row r="54" spans="1:36" s="1" customFormat="1" ht="10.5" customHeight="1" x14ac:dyDescent="0.15">
      <c r="A54" s="70"/>
      <c r="B54" s="71"/>
      <c r="C54" s="67" t="s">
        <v>56</v>
      </c>
      <c r="D54" s="68"/>
      <c r="E54" s="67" t="s">
        <v>55</v>
      </c>
      <c r="F54" s="68"/>
      <c r="G54" s="67" t="s">
        <v>54</v>
      </c>
      <c r="H54" s="68"/>
      <c r="I54" s="67" t="s">
        <v>53</v>
      </c>
      <c r="J54" s="66"/>
      <c r="K54" s="67" t="s">
        <v>56</v>
      </c>
      <c r="L54" s="68"/>
      <c r="M54" s="67" t="s">
        <v>57</v>
      </c>
      <c r="N54" s="68"/>
      <c r="O54" s="67" t="s">
        <v>54</v>
      </c>
      <c r="P54" s="68"/>
      <c r="Q54" s="67" t="s">
        <v>53</v>
      </c>
      <c r="R54" s="66"/>
      <c r="S54" s="70"/>
      <c r="T54" s="69"/>
      <c r="U54" s="67" t="s">
        <v>56</v>
      </c>
      <c r="V54" s="68"/>
      <c r="W54" s="67" t="s">
        <v>55</v>
      </c>
      <c r="X54" s="68"/>
      <c r="Y54" s="67" t="s">
        <v>54</v>
      </c>
      <c r="Z54" s="68"/>
      <c r="AA54" s="67" t="s">
        <v>53</v>
      </c>
      <c r="AB54" s="66"/>
      <c r="AC54" s="67" t="s">
        <v>56</v>
      </c>
      <c r="AD54" s="68"/>
      <c r="AE54" s="67" t="s">
        <v>55</v>
      </c>
      <c r="AF54" s="68"/>
      <c r="AG54" s="67" t="s">
        <v>54</v>
      </c>
      <c r="AH54" s="68"/>
      <c r="AI54" s="67" t="s">
        <v>53</v>
      </c>
      <c r="AJ54" s="66"/>
    </row>
    <row r="55" spans="1:36" s="1" customFormat="1" ht="10.5" customHeight="1" thickBot="1" x14ac:dyDescent="0.2">
      <c r="A55" s="64"/>
      <c r="B55" s="65"/>
      <c r="C55" s="30" t="s">
        <v>97</v>
      </c>
      <c r="D55" s="61" t="s">
        <v>51</v>
      </c>
      <c r="E55" s="62" t="s">
        <v>97</v>
      </c>
      <c r="F55" s="62" t="s">
        <v>51</v>
      </c>
      <c r="G55" s="30" t="s">
        <v>97</v>
      </c>
      <c r="H55" s="61" t="s">
        <v>51</v>
      </c>
      <c r="I55" s="30" t="s">
        <v>97</v>
      </c>
      <c r="J55" s="60" t="s">
        <v>51</v>
      </c>
      <c r="K55" s="30" t="s">
        <v>97</v>
      </c>
      <c r="L55" s="61" t="s">
        <v>51</v>
      </c>
      <c r="M55" s="62" t="s">
        <v>97</v>
      </c>
      <c r="N55" s="62" t="s">
        <v>51</v>
      </c>
      <c r="O55" s="30" t="s">
        <v>97</v>
      </c>
      <c r="P55" s="61" t="s">
        <v>51</v>
      </c>
      <c r="Q55" s="30" t="s">
        <v>97</v>
      </c>
      <c r="R55" s="60" t="s">
        <v>51</v>
      </c>
      <c r="S55" s="64"/>
      <c r="T55" s="63"/>
      <c r="U55" s="30" t="s">
        <v>97</v>
      </c>
      <c r="V55" s="61" t="s">
        <v>51</v>
      </c>
      <c r="W55" s="62" t="s">
        <v>97</v>
      </c>
      <c r="X55" s="62" t="s">
        <v>51</v>
      </c>
      <c r="Y55" s="30" t="s">
        <v>97</v>
      </c>
      <c r="Z55" s="61" t="s">
        <v>51</v>
      </c>
      <c r="AA55" s="30" t="s">
        <v>97</v>
      </c>
      <c r="AB55" s="60" t="s">
        <v>51</v>
      </c>
      <c r="AC55" s="30" t="s">
        <v>97</v>
      </c>
      <c r="AD55" s="61" t="s">
        <v>51</v>
      </c>
      <c r="AE55" s="62" t="s">
        <v>97</v>
      </c>
      <c r="AF55" s="62" t="s">
        <v>51</v>
      </c>
      <c r="AG55" s="30" t="s">
        <v>97</v>
      </c>
      <c r="AH55" s="61" t="s">
        <v>51</v>
      </c>
      <c r="AI55" s="30" t="s">
        <v>97</v>
      </c>
      <c r="AJ55" s="60" t="s">
        <v>51</v>
      </c>
    </row>
    <row r="56" spans="1:36" s="1" customFormat="1" ht="14.1" customHeight="1" thickTop="1" x14ac:dyDescent="0.15">
      <c r="A56" s="53">
        <v>1</v>
      </c>
      <c r="B56" s="58" t="s">
        <v>50</v>
      </c>
      <c r="C56" s="39">
        <v>45271</v>
      </c>
      <c r="D56" s="39">
        <v>6</v>
      </c>
      <c r="E56" s="39">
        <v>36796</v>
      </c>
      <c r="F56" s="39">
        <v>4</v>
      </c>
      <c r="G56" s="39">
        <v>53407</v>
      </c>
      <c r="H56" s="39">
        <v>3</v>
      </c>
      <c r="I56" s="39">
        <v>45270</v>
      </c>
      <c r="J56" s="41">
        <v>6</v>
      </c>
      <c r="K56" s="39">
        <v>16139</v>
      </c>
      <c r="L56" s="39">
        <v>31</v>
      </c>
      <c r="M56" s="39">
        <v>14733</v>
      </c>
      <c r="N56" s="39">
        <v>8</v>
      </c>
      <c r="O56" s="39">
        <v>16438</v>
      </c>
      <c r="P56" s="39">
        <v>30</v>
      </c>
      <c r="Q56" s="39">
        <v>16139</v>
      </c>
      <c r="R56" s="41">
        <v>31</v>
      </c>
      <c r="S56" s="53">
        <v>1</v>
      </c>
      <c r="T56" s="39" t="s">
        <v>50</v>
      </c>
      <c r="U56" s="39">
        <v>7876</v>
      </c>
      <c r="V56" s="39">
        <v>9</v>
      </c>
      <c r="W56" s="39">
        <v>4684</v>
      </c>
      <c r="X56" s="39">
        <v>15</v>
      </c>
      <c r="Y56" s="39">
        <v>7783</v>
      </c>
      <c r="Z56" s="39">
        <v>11</v>
      </c>
      <c r="AA56" s="39">
        <v>7876</v>
      </c>
      <c r="AB56" s="41">
        <v>9</v>
      </c>
      <c r="AC56" s="39">
        <v>18901</v>
      </c>
      <c r="AD56" s="39">
        <v>25</v>
      </c>
      <c r="AE56" s="39">
        <v>28701</v>
      </c>
      <c r="AF56" s="39">
        <v>4</v>
      </c>
      <c r="AG56" s="39">
        <v>19897</v>
      </c>
      <c r="AH56" s="38">
        <v>22</v>
      </c>
      <c r="AI56" s="39">
        <v>18902</v>
      </c>
      <c r="AJ56" s="36">
        <v>25</v>
      </c>
    </row>
    <row r="57" spans="1:36" s="1" customFormat="1" ht="14.1" customHeight="1" x14ac:dyDescent="0.15">
      <c r="A57" s="43">
        <v>2</v>
      </c>
      <c r="B57" s="58" t="s">
        <v>49</v>
      </c>
      <c r="C57" s="39">
        <v>45282</v>
      </c>
      <c r="D57" s="39">
        <v>5</v>
      </c>
      <c r="E57" s="39">
        <v>102847</v>
      </c>
      <c r="F57" s="39">
        <v>2</v>
      </c>
      <c r="G57" s="39">
        <v>51555</v>
      </c>
      <c r="H57" s="39">
        <v>6</v>
      </c>
      <c r="I57" s="39">
        <v>45281</v>
      </c>
      <c r="J57" s="41">
        <v>5</v>
      </c>
      <c r="K57" s="39">
        <v>16351</v>
      </c>
      <c r="L57" s="39">
        <v>28</v>
      </c>
      <c r="M57" s="39">
        <v>10606</v>
      </c>
      <c r="N57" s="39">
        <v>14</v>
      </c>
      <c r="O57" s="39">
        <v>16780</v>
      </c>
      <c r="P57" s="39">
        <v>25</v>
      </c>
      <c r="Q57" s="39">
        <v>16351</v>
      </c>
      <c r="R57" s="41">
        <v>28</v>
      </c>
      <c r="S57" s="43">
        <v>2</v>
      </c>
      <c r="T57" s="39" t="s">
        <v>49</v>
      </c>
      <c r="U57" s="39">
        <v>7788</v>
      </c>
      <c r="V57" s="39">
        <v>14</v>
      </c>
      <c r="W57" s="39">
        <v>8125</v>
      </c>
      <c r="X57" s="39">
        <v>7</v>
      </c>
      <c r="Y57" s="39">
        <v>7728</v>
      </c>
      <c r="Z57" s="39">
        <v>14</v>
      </c>
      <c r="AA57" s="39">
        <v>7788</v>
      </c>
      <c r="AB57" s="41">
        <v>14</v>
      </c>
      <c r="AC57" s="39">
        <v>19121</v>
      </c>
      <c r="AD57" s="39">
        <v>22</v>
      </c>
      <c r="AE57" s="39">
        <v>-9920</v>
      </c>
      <c r="AF57" s="39">
        <v>31</v>
      </c>
      <c r="AG57" s="39">
        <v>20500</v>
      </c>
      <c r="AH57" s="38">
        <v>12</v>
      </c>
      <c r="AI57" s="39">
        <v>19120</v>
      </c>
      <c r="AJ57" s="36">
        <v>22</v>
      </c>
    </row>
    <row r="58" spans="1:36" s="1" customFormat="1" ht="14.1" customHeight="1" x14ac:dyDescent="0.15">
      <c r="A58" s="43">
        <v>3</v>
      </c>
      <c r="B58" s="58" t="s">
        <v>48</v>
      </c>
      <c r="C58" s="39">
        <v>46138</v>
      </c>
      <c r="D58" s="39">
        <v>2</v>
      </c>
      <c r="E58" s="39">
        <v>0</v>
      </c>
      <c r="F58" s="39">
        <v>7</v>
      </c>
      <c r="G58" s="39">
        <v>54503</v>
      </c>
      <c r="H58" s="39">
        <v>2</v>
      </c>
      <c r="I58" s="39">
        <v>46137</v>
      </c>
      <c r="J58" s="41">
        <v>2</v>
      </c>
      <c r="K58" s="39">
        <v>16514</v>
      </c>
      <c r="L58" s="39">
        <v>24</v>
      </c>
      <c r="M58" s="39">
        <v>21151</v>
      </c>
      <c r="N58" s="39">
        <v>4</v>
      </c>
      <c r="O58" s="39">
        <v>16387</v>
      </c>
      <c r="P58" s="39">
        <v>32</v>
      </c>
      <c r="Q58" s="39">
        <v>16514</v>
      </c>
      <c r="R58" s="41">
        <v>24</v>
      </c>
      <c r="S58" s="43">
        <v>3</v>
      </c>
      <c r="T58" s="39" t="s">
        <v>48</v>
      </c>
      <c r="U58" s="39">
        <v>7818</v>
      </c>
      <c r="V58" s="39">
        <v>11</v>
      </c>
      <c r="W58" s="39">
        <v>4485</v>
      </c>
      <c r="X58" s="39">
        <v>16</v>
      </c>
      <c r="Y58" s="39">
        <v>7699</v>
      </c>
      <c r="Z58" s="39">
        <v>17</v>
      </c>
      <c r="AA58" s="39">
        <v>7818</v>
      </c>
      <c r="AB58" s="41">
        <v>11</v>
      </c>
      <c r="AC58" s="39">
        <v>19308</v>
      </c>
      <c r="AD58" s="39">
        <v>17</v>
      </c>
      <c r="AE58" s="39">
        <v>-2146</v>
      </c>
      <c r="AF58" s="39">
        <v>30</v>
      </c>
      <c r="AG58" s="39">
        <v>19886</v>
      </c>
      <c r="AH58" s="38">
        <v>23</v>
      </c>
      <c r="AI58" s="39">
        <v>19308</v>
      </c>
      <c r="AJ58" s="36">
        <v>17</v>
      </c>
    </row>
    <row r="59" spans="1:36" s="1" customFormat="1" ht="14.1" customHeight="1" x14ac:dyDescent="0.15">
      <c r="A59" s="43">
        <v>4</v>
      </c>
      <c r="B59" s="58" t="s">
        <v>47</v>
      </c>
      <c r="C59" s="39">
        <v>39433</v>
      </c>
      <c r="D59" s="39">
        <v>22</v>
      </c>
      <c r="E59" s="39">
        <v>0</v>
      </c>
      <c r="F59" s="39">
        <v>7</v>
      </c>
      <c r="G59" s="39">
        <v>46414</v>
      </c>
      <c r="H59" s="39">
        <v>22</v>
      </c>
      <c r="I59" s="39">
        <v>39433</v>
      </c>
      <c r="J59" s="41">
        <v>22</v>
      </c>
      <c r="K59" s="39">
        <v>16777</v>
      </c>
      <c r="L59" s="39">
        <v>21</v>
      </c>
      <c r="M59" s="39">
        <v>0</v>
      </c>
      <c r="N59" s="39">
        <v>20</v>
      </c>
      <c r="O59" s="39">
        <v>16873</v>
      </c>
      <c r="P59" s="39">
        <v>24</v>
      </c>
      <c r="Q59" s="39">
        <v>16777</v>
      </c>
      <c r="R59" s="41">
        <v>21</v>
      </c>
      <c r="S59" s="43">
        <v>4</v>
      </c>
      <c r="T59" s="39" t="s">
        <v>47</v>
      </c>
      <c r="U59" s="39">
        <v>7618</v>
      </c>
      <c r="V59" s="39">
        <v>24</v>
      </c>
      <c r="W59" s="39">
        <v>0</v>
      </c>
      <c r="X59" s="39">
        <v>20</v>
      </c>
      <c r="Y59" s="39">
        <v>7527</v>
      </c>
      <c r="Z59" s="39">
        <v>24</v>
      </c>
      <c r="AA59" s="39">
        <v>7618</v>
      </c>
      <c r="AB59" s="41">
        <v>24</v>
      </c>
      <c r="AC59" s="39">
        <v>18951</v>
      </c>
      <c r="AD59" s="39">
        <v>24</v>
      </c>
      <c r="AE59" s="39">
        <v>0</v>
      </c>
      <c r="AF59" s="39">
        <v>20</v>
      </c>
      <c r="AG59" s="39">
        <v>19754</v>
      </c>
      <c r="AH59" s="38">
        <v>25</v>
      </c>
      <c r="AI59" s="39">
        <v>18951</v>
      </c>
      <c r="AJ59" s="36">
        <v>24</v>
      </c>
    </row>
    <row r="60" spans="1:36" s="1" customFormat="1" ht="14.1" customHeight="1" x14ac:dyDescent="0.15">
      <c r="A60" s="43">
        <v>5</v>
      </c>
      <c r="B60" s="58" t="s">
        <v>46</v>
      </c>
      <c r="C60" s="39">
        <v>41773</v>
      </c>
      <c r="D60" s="39">
        <v>13</v>
      </c>
      <c r="E60" s="39">
        <v>0</v>
      </c>
      <c r="F60" s="39">
        <v>7</v>
      </c>
      <c r="G60" s="39">
        <v>49529</v>
      </c>
      <c r="H60" s="39">
        <v>9</v>
      </c>
      <c r="I60" s="39">
        <v>41773</v>
      </c>
      <c r="J60" s="41">
        <v>13</v>
      </c>
      <c r="K60" s="39">
        <v>16495</v>
      </c>
      <c r="L60" s="39">
        <v>25</v>
      </c>
      <c r="M60" s="39">
        <v>17441</v>
      </c>
      <c r="N60" s="39">
        <v>7</v>
      </c>
      <c r="O60" s="39">
        <v>17233</v>
      </c>
      <c r="P60" s="39">
        <v>17</v>
      </c>
      <c r="Q60" s="39">
        <v>16495</v>
      </c>
      <c r="R60" s="41">
        <v>25</v>
      </c>
      <c r="S60" s="43">
        <v>5</v>
      </c>
      <c r="T60" s="39" t="s">
        <v>46</v>
      </c>
      <c r="U60" s="39">
        <v>7939</v>
      </c>
      <c r="V60" s="39">
        <v>5</v>
      </c>
      <c r="W60" s="39">
        <v>10273</v>
      </c>
      <c r="X60" s="39">
        <v>6</v>
      </c>
      <c r="Y60" s="39">
        <v>7824</v>
      </c>
      <c r="Z60" s="39">
        <v>9</v>
      </c>
      <c r="AA60" s="39">
        <v>7939</v>
      </c>
      <c r="AB60" s="41">
        <v>5</v>
      </c>
      <c r="AC60" s="39">
        <v>18496</v>
      </c>
      <c r="AD60" s="39">
        <v>29</v>
      </c>
      <c r="AE60" s="39">
        <v>16217</v>
      </c>
      <c r="AF60" s="39">
        <v>8</v>
      </c>
      <c r="AG60" s="39">
        <v>19913</v>
      </c>
      <c r="AH60" s="38">
        <v>21</v>
      </c>
      <c r="AI60" s="39">
        <v>18496</v>
      </c>
      <c r="AJ60" s="36">
        <v>29</v>
      </c>
    </row>
    <row r="61" spans="1:36" s="1" customFormat="1" ht="14.1" customHeight="1" x14ac:dyDescent="0.15">
      <c r="A61" s="43">
        <v>6</v>
      </c>
      <c r="B61" s="58" t="s">
        <v>45</v>
      </c>
      <c r="C61" s="39">
        <v>40765</v>
      </c>
      <c r="D61" s="39">
        <v>15</v>
      </c>
      <c r="E61" s="39">
        <v>0</v>
      </c>
      <c r="F61" s="39">
        <v>7</v>
      </c>
      <c r="G61" s="39">
        <v>48793</v>
      </c>
      <c r="H61" s="39">
        <v>14</v>
      </c>
      <c r="I61" s="39">
        <v>40764</v>
      </c>
      <c r="J61" s="41">
        <v>15</v>
      </c>
      <c r="K61" s="39">
        <v>15885</v>
      </c>
      <c r="L61" s="39">
        <v>32</v>
      </c>
      <c r="M61" s="39">
        <v>13402</v>
      </c>
      <c r="N61" s="39">
        <v>12</v>
      </c>
      <c r="O61" s="39">
        <v>16509</v>
      </c>
      <c r="P61" s="39">
        <v>28</v>
      </c>
      <c r="Q61" s="39">
        <v>15885</v>
      </c>
      <c r="R61" s="41">
        <v>32</v>
      </c>
      <c r="S61" s="43">
        <v>6</v>
      </c>
      <c r="T61" s="39" t="s">
        <v>45</v>
      </c>
      <c r="U61" s="39">
        <v>7790</v>
      </c>
      <c r="V61" s="39">
        <v>13</v>
      </c>
      <c r="W61" s="39">
        <v>6869</v>
      </c>
      <c r="X61" s="39">
        <v>8</v>
      </c>
      <c r="Y61" s="39">
        <v>7702</v>
      </c>
      <c r="Z61" s="39">
        <v>15</v>
      </c>
      <c r="AA61" s="39">
        <v>7790</v>
      </c>
      <c r="AB61" s="41">
        <v>13</v>
      </c>
      <c r="AC61" s="39">
        <v>18137</v>
      </c>
      <c r="AD61" s="39">
        <v>32</v>
      </c>
      <c r="AE61" s="39">
        <v>6304</v>
      </c>
      <c r="AF61" s="39">
        <v>15</v>
      </c>
      <c r="AG61" s="39">
        <v>19286</v>
      </c>
      <c r="AH61" s="38">
        <v>31</v>
      </c>
      <c r="AI61" s="39">
        <v>18137</v>
      </c>
      <c r="AJ61" s="36">
        <v>32</v>
      </c>
    </row>
    <row r="62" spans="1:36" s="1" customFormat="1" ht="14.1" customHeight="1" x14ac:dyDescent="0.15">
      <c r="A62" s="43">
        <v>7</v>
      </c>
      <c r="B62" s="58" t="s">
        <v>44</v>
      </c>
      <c r="C62" s="39">
        <v>36082</v>
      </c>
      <c r="D62" s="39">
        <v>30</v>
      </c>
      <c r="E62" s="39">
        <v>0</v>
      </c>
      <c r="F62" s="39">
        <v>7</v>
      </c>
      <c r="G62" s="39">
        <v>40988</v>
      </c>
      <c r="H62" s="39">
        <v>31</v>
      </c>
      <c r="I62" s="39">
        <v>36082</v>
      </c>
      <c r="J62" s="41">
        <v>30</v>
      </c>
      <c r="K62" s="39">
        <v>16144</v>
      </c>
      <c r="L62" s="39">
        <v>30</v>
      </c>
      <c r="M62" s="39">
        <v>10159</v>
      </c>
      <c r="N62" s="39">
        <v>16</v>
      </c>
      <c r="O62" s="39">
        <v>16621</v>
      </c>
      <c r="P62" s="39">
        <v>27</v>
      </c>
      <c r="Q62" s="39">
        <v>16144</v>
      </c>
      <c r="R62" s="41">
        <v>30</v>
      </c>
      <c r="S62" s="43">
        <v>7</v>
      </c>
      <c r="T62" s="39" t="s">
        <v>44</v>
      </c>
      <c r="U62" s="39">
        <v>7930</v>
      </c>
      <c r="V62" s="39">
        <v>7</v>
      </c>
      <c r="W62" s="39">
        <v>4977</v>
      </c>
      <c r="X62" s="39">
        <v>13</v>
      </c>
      <c r="Y62" s="39">
        <v>8063</v>
      </c>
      <c r="Z62" s="39">
        <v>3</v>
      </c>
      <c r="AA62" s="39">
        <v>7930</v>
      </c>
      <c r="AB62" s="41">
        <v>7</v>
      </c>
      <c r="AC62" s="39">
        <v>18762</v>
      </c>
      <c r="AD62" s="39">
        <v>26</v>
      </c>
      <c r="AE62" s="39">
        <v>4786</v>
      </c>
      <c r="AF62" s="39">
        <v>16</v>
      </c>
      <c r="AG62" s="39">
        <v>19569</v>
      </c>
      <c r="AH62" s="38">
        <v>28</v>
      </c>
      <c r="AI62" s="39">
        <v>18761</v>
      </c>
      <c r="AJ62" s="36">
        <v>26</v>
      </c>
    </row>
    <row r="63" spans="1:36" s="1" customFormat="1" ht="14.1" customHeight="1" x14ac:dyDescent="0.15">
      <c r="A63" s="43">
        <v>8</v>
      </c>
      <c r="B63" s="58" t="s">
        <v>43</v>
      </c>
      <c r="C63" s="39">
        <v>43368</v>
      </c>
      <c r="D63" s="39">
        <v>8</v>
      </c>
      <c r="E63" s="39">
        <v>0</v>
      </c>
      <c r="F63" s="39">
        <v>7</v>
      </c>
      <c r="G63" s="39">
        <v>50937</v>
      </c>
      <c r="H63" s="39">
        <v>7</v>
      </c>
      <c r="I63" s="39">
        <v>43368</v>
      </c>
      <c r="J63" s="41">
        <v>8</v>
      </c>
      <c r="K63" s="39">
        <v>16908</v>
      </c>
      <c r="L63" s="39">
        <v>18</v>
      </c>
      <c r="M63" s="39">
        <v>44640</v>
      </c>
      <c r="N63" s="39">
        <v>2</v>
      </c>
      <c r="O63" s="39">
        <v>17276</v>
      </c>
      <c r="P63" s="39">
        <v>16</v>
      </c>
      <c r="Q63" s="39">
        <v>16908</v>
      </c>
      <c r="R63" s="41">
        <v>18</v>
      </c>
      <c r="S63" s="43">
        <v>8</v>
      </c>
      <c r="T63" s="39" t="s">
        <v>43</v>
      </c>
      <c r="U63" s="39">
        <v>7862</v>
      </c>
      <c r="V63" s="39">
        <v>10</v>
      </c>
      <c r="W63" s="39">
        <v>2870</v>
      </c>
      <c r="X63" s="39">
        <v>18</v>
      </c>
      <c r="Y63" s="39">
        <v>7737</v>
      </c>
      <c r="Z63" s="39">
        <v>13</v>
      </c>
      <c r="AA63" s="39">
        <v>7862</v>
      </c>
      <c r="AB63" s="41">
        <v>10</v>
      </c>
      <c r="AC63" s="39">
        <v>19149</v>
      </c>
      <c r="AD63" s="39">
        <v>21</v>
      </c>
      <c r="AE63" s="39">
        <v>30964</v>
      </c>
      <c r="AF63" s="39">
        <v>3</v>
      </c>
      <c r="AG63" s="39">
        <v>20194</v>
      </c>
      <c r="AH63" s="38">
        <v>17</v>
      </c>
      <c r="AI63" s="39">
        <v>19149</v>
      </c>
      <c r="AJ63" s="36">
        <v>21</v>
      </c>
    </row>
    <row r="64" spans="1:36" s="1" customFormat="1" ht="14.1" customHeight="1" x14ac:dyDescent="0.15">
      <c r="A64" s="43">
        <v>9</v>
      </c>
      <c r="B64" s="58" t="s">
        <v>42</v>
      </c>
      <c r="C64" s="39">
        <v>45761</v>
      </c>
      <c r="D64" s="39">
        <v>4</v>
      </c>
      <c r="E64" s="39">
        <v>0</v>
      </c>
      <c r="F64" s="39">
        <v>7</v>
      </c>
      <c r="G64" s="39">
        <v>51816</v>
      </c>
      <c r="H64" s="39">
        <v>5</v>
      </c>
      <c r="I64" s="39">
        <v>45761</v>
      </c>
      <c r="J64" s="41">
        <v>4</v>
      </c>
      <c r="K64" s="39">
        <v>16365</v>
      </c>
      <c r="L64" s="39">
        <v>27</v>
      </c>
      <c r="M64" s="39">
        <v>0</v>
      </c>
      <c r="N64" s="39">
        <v>20</v>
      </c>
      <c r="O64" s="39">
        <v>16725</v>
      </c>
      <c r="P64" s="39">
        <v>26</v>
      </c>
      <c r="Q64" s="39">
        <v>16365</v>
      </c>
      <c r="R64" s="41">
        <v>27</v>
      </c>
      <c r="S64" s="43">
        <v>9</v>
      </c>
      <c r="T64" s="39" t="s">
        <v>42</v>
      </c>
      <c r="U64" s="39">
        <v>7426</v>
      </c>
      <c r="V64" s="39">
        <v>29</v>
      </c>
      <c r="W64" s="39">
        <v>0</v>
      </c>
      <c r="X64" s="39">
        <v>20</v>
      </c>
      <c r="Y64" s="39">
        <v>7262</v>
      </c>
      <c r="Z64" s="39">
        <v>30</v>
      </c>
      <c r="AA64" s="39">
        <v>7426</v>
      </c>
      <c r="AB64" s="41">
        <v>29</v>
      </c>
      <c r="AC64" s="39">
        <v>18745</v>
      </c>
      <c r="AD64" s="39">
        <v>27</v>
      </c>
      <c r="AE64" s="39">
        <v>0</v>
      </c>
      <c r="AF64" s="39">
        <v>20</v>
      </c>
      <c r="AG64" s="39">
        <v>19626</v>
      </c>
      <c r="AH64" s="38">
        <v>26</v>
      </c>
      <c r="AI64" s="39">
        <v>18745</v>
      </c>
      <c r="AJ64" s="36">
        <v>27</v>
      </c>
    </row>
    <row r="65" spans="1:36" s="1" customFormat="1" ht="14.1" customHeight="1" x14ac:dyDescent="0.15">
      <c r="A65" s="43">
        <v>10</v>
      </c>
      <c r="B65" s="58" t="s">
        <v>41</v>
      </c>
      <c r="C65" s="39">
        <v>38984</v>
      </c>
      <c r="D65" s="39">
        <v>24</v>
      </c>
      <c r="E65" s="39">
        <v>19148</v>
      </c>
      <c r="F65" s="39">
        <v>5</v>
      </c>
      <c r="G65" s="39">
        <v>45895</v>
      </c>
      <c r="H65" s="39">
        <v>23</v>
      </c>
      <c r="I65" s="39">
        <v>38983</v>
      </c>
      <c r="J65" s="41">
        <v>24</v>
      </c>
      <c r="K65" s="39">
        <v>17077</v>
      </c>
      <c r="L65" s="39">
        <v>15</v>
      </c>
      <c r="M65" s="39">
        <v>10239</v>
      </c>
      <c r="N65" s="39">
        <v>15</v>
      </c>
      <c r="O65" s="39">
        <v>17536</v>
      </c>
      <c r="P65" s="39">
        <v>13</v>
      </c>
      <c r="Q65" s="39">
        <v>17077</v>
      </c>
      <c r="R65" s="41">
        <v>15</v>
      </c>
      <c r="S65" s="43">
        <v>10</v>
      </c>
      <c r="T65" s="39" t="s">
        <v>41</v>
      </c>
      <c r="U65" s="39">
        <v>7729</v>
      </c>
      <c r="V65" s="39">
        <v>18</v>
      </c>
      <c r="W65" s="39">
        <v>23690</v>
      </c>
      <c r="X65" s="39">
        <v>2</v>
      </c>
      <c r="Y65" s="39">
        <v>7636</v>
      </c>
      <c r="Z65" s="39">
        <v>22</v>
      </c>
      <c r="AA65" s="39">
        <v>7730</v>
      </c>
      <c r="AB65" s="41">
        <v>18</v>
      </c>
      <c r="AC65" s="39">
        <v>19176</v>
      </c>
      <c r="AD65" s="39">
        <v>20</v>
      </c>
      <c r="AE65" s="39">
        <v>15151</v>
      </c>
      <c r="AF65" s="39">
        <v>9</v>
      </c>
      <c r="AG65" s="39">
        <v>20369</v>
      </c>
      <c r="AH65" s="38">
        <v>13</v>
      </c>
      <c r="AI65" s="39">
        <v>19176</v>
      </c>
      <c r="AJ65" s="36">
        <v>20</v>
      </c>
    </row>
    <row r="66" spans="1:36" s="1" customFormat="1" ht="14.1" customHeight="1" x14ac:dyDescent="0.15">
      <c r="A66" s="43">
        <v>11</v>
      </c>
      <c r="B66" s="58" t="s">
        <v>40</v>
      </c>
      <c r="C66" s="39">
        <v>47828</v>
      </c>
      <c r="D66" s="39">
        <v>1</v>
      </c>
      <c r="E66" s="39">
        <v>0</v>
      </c>
      <c r="F66" s="39">
        <v>7</v>
      </c>
      <c r="G66" s="39">
        <v>54686</v>
      </c>
      <c r="H66" s="39">
        <v>1</v>
      </c>
      <c r="I66" s="39">
        <v>47826</v>
      </c>
      <c r="J66" s="41">
        <v>1</v>
      </c>
      <c r="K66" s="39">
        <v>16373</v>
      </c>
      <c r="L66" s="39">
        <v>26</v>
      </c>
      <c r="M66" s="39">
        <v>9190</v>
      </c>
      <c r="N66" s="39">
        <v>18</v>
      </c>
      <c r="O66" s="39">
        <v>17180</v>
      </c>
      <c r="P66" s="39">
        <v>18</v>
      </c>
      <c r="Q66" s="39">
        <v>16373</v>
      </c>
      <c r="R66" s="41">
        <v>26</v>
      </c>
      <c r="S66" s="43">
        <v>11</v>
      </c>
      <c r="T66" s="39" t="s">
        <v>40</v>
      </c>
      <c r="U66" s="39">
        <v>7945</v>
      </c>
      <c r="V66" s="39">
        <v>4</v>
      </c>
      <c r="W66" s="39">
        <v>5201</v>
      </c>
      <c r="X66" s="39">
        <v>12</v>
      </c>
      <c r="Y66" s="39">
        <v>8032</v>
      </c>
      <c r="Z66" s="39">
        <v>6</v>
      </c>
      <c r="AA66" s="39">
        <v>7944</v>
      </c>
      <c r="AB66" s="41">
        <v>4</v>
      </c>
      <c r="AC66" s="39">
        <v>19687</v>
      </c>
      <c r="AD66" s="39">
        <v>11</v>
      </c>
      <c r="AE66" s="39">
        <v>4205</v>
      </c>
      <c r="AF66" s="39">
        <v>18</v>
      </c>
      <c r="AG66" s="39">
        <v>21360</v>
      </c>
      <c r="AH66" s="38">
        <v>7</v>
      </c>
      <c r="AI66" s="39">
        <v>19685</v>
      </c>
      <c r="AJ66" s="36">
        <v>11</v>
      </c>
    </row>
    <row r="67" spans="1:36" s="1" customFormat="1" ht="14.1" customHeight="1" x14ac:dyDescent="0.15">
      <c r="A67" s="43">
        <v>12</v>
      </c>
      <c r="B67" s="58" t="s">
        <v>39</v>
      </c>
      <c r="C67" s="39">
        <v>37093</v>
      </c>
      <c r="D67" s="39">
        <v>29</v>
      </c>
      <c r="E67" s="39">
        <v>0</v>
      </c>
      <c r="F67" s="39">
        <v>7</v>
      </c>
      <c r="G67" s="39">
        <v>42354</v>
      </c>
      <c r="H67" s="39">
        <v>29</v>
      </c>
      <c r="I67" s="39">
        <v>37093</v>
      </c>
      <c r="J67" s="41">
        <v>29</v>
      </c>
      <c r="K67" s="39">
        <v>17381</v>
      </c>
      <c r="L67" s="39">
        <v>12</v>
      </c>
      <c r="M67" s="39">
        <v>20</v>
      </c>
      <c r="N67" s="39">
        <v>19</v>
      </c>
      <c r="O67" s="39">
        <v>17841</v>
      </c>
      <c r="P67" s="39">
        <v>12</v>
      </c>
      <c r="Q67" s="39">
        <v>17381</v>
      </c>
      <c r="R67" s="41">
        <v>12</v>
      </c>
      <c r="S67" s="43">
        <v>12</v>
      </c>
      <c r="T67" s="39" t="s">
        <v>39</v>
      </c>
      <c r="U67" s="39">
        <v>7414</v>
      </c>
      <c r="V67" s="39">
        <v>30</v>
      </c>
      <c r="W67" s="39">
        <v>10779</v>
      </c>
      <c r="X67" s="39">
        <v>5</v>
      </c>
      <c r="Y67" s="39">
        <v>7366</v>
      </c>
      <c r="Z67" s="39">
        <v>28</v>
      </c>
      <c r="AA67" s="39">
        <v>7414</v>
      </c>
      <c r="AB67" s="41">
        <v>30</v>
      </c>
      <c r="AC67" s="39">
        <v>19363</v>
      </c>
      <c r="AD67" s="39">
        <v>16</v>
      </c>
      <c r="AE67" s="39">
        <v>8436</v>
      </c>
      <c r="AF67" s="39">
        <v>13</v>
      </c>
      <c r="AG67" s="39">
        <v>20321</v>
      </c>
      <c r="AH67" s="38">
        <v>14</v>
      </c>
      <c r="AI67" s="39">
        <v>19362</v>
      </c>
      <c r="AJ67" s="36">
        <v>16</v>
      </c>
    </row>
    <row r="68" spans="1:36" s="1" customFormat="1" ht="14.1" customHeight="1" x14ac:dyDescent="0.15">
      <c r="A68" s="43">
        <v>13</v>
      </c>
      <c r="B68" s="58" t="s">
        <v>38</v>
      </c>
      <c r="C68" s="39">
        <v>40096</v>
      </c>
      <c r="D68" s="39">
        <v>19</v>
      </c>
      <c r="E68" s="39">
        <v>1895</v>
      </c>
      <c r="F68" s="39">
        <v>6</v>
      </c>
      <c r="G68" s="39">
        <v>47762</v>
      </c>
      <c r="H68" s="39">
        <v>16</v>
      </c>
      <c r="I68" s="39">
        <v>40097</v>
      </c>
      <c r="J68" s="41">
        <v>19</v>
      </c>
      <c r="K68" s="39">
        <v>16669</v>
      </c>
      <c r="L68" s="39">
        <v>22</v>
      </c>
      <c r="M68" s="39">
        <v>-43590</v>
      </c>
      <c r="N68" s="39">
        <v>32</v>
      </c>
      <c r="O68" s="39">
        <v>17034</v>
      </c>
      <c r="P68" s="39">
        <v>19</v>
      </c>
      <c r="Q68" s="39">
        <v>16669</v>
      </c>
      <c r="R68" s="41">
        <v>22</v>
      </c>
      <c r="S68" s="43">
        <v>13</v>
      </c>
      <c r="T68" s="39" t="s">
        <v>38</v>
      </c>
      <c r="U68" s="39">
        <v>7591</v>
      </c>
      <c r="V68" s="39">
        <v>26</v>
      </c>
      <c r="W68" s="39">
        <v>3645</v>
      </c>
      <c r="X68" s="39">
        <v>17</v>
      </c>
      <c r="Y68" s="39">
        <v>7574</v>
      </c>
      <c r="Z68" s="39">
        <v>23</v>
      </c>
      <c r="AA68" s="39">
        <v>7591</v>
      </c>
      <c r="AB68" s="41">
        <v>26</v>
      </c>
      <c r="AC68" s="39">
        <v>19219</v>
      </c>
      <c r="AD68" s="39">
        <v>19</v>
      </c>
      <c r="AE68" s="39">
        <v>-21723</v>
      </c>
      <c r="AF68" s="39">
        <v>32</v>
      </c>
      <c r="AG68" s="39">
        <v>20205</v>
      </c>
      <c r="AH68" s="38">
        <v>16</v>
      </c>
      <c r="AI68" s="39">
        <v>19220</v>
      </c>
      <c r="AJ68" s="36">
        <v>19</v>
      </c>
    </row>
    <row r="69" spans="1:36" s="1" customFormat="1" ht="14.1" customHeight="1" x14ac:dyDescent="0.15">
      <c r="A69" s="43">
        <v>14</v>
      </c>
      <c r="B69" s="58" t="s">
        <v>37</v>
      </c>
      <c r="C69" s="39">
        <v>43060</v>
      </c>
      <c r="D69" s="39">
        <v>9</v>
      </c>
      <c r="E69" s="39">
        <v>0</v>
      </c>
      <c r="F69" s="39">
        <v>7</v>
      </c>
      <c r="G69" s="39">
        <v>49245</v>
      </c>
      <c r="H69" s="39">
        <v>11</v>
      </c>
      <c r="I69" s="39">
        <v>43060</v>
      </c>
      <c r="J69" s="41">
        <v>9</v>
      </c>
      <c r="K69" s="39">
        <v>16903</v>
      </c>
      <c r="L69" s="39">
        <v>19</v>
      </c>
      <c r="M69" s="39">
        <v>13515</v>
      </c>
      <c r="N69" s="39">
        <v>11</v>
      </c>
      <c r="O69" s="39">
        <v>17329</v>
      </c>
      <c r="P69" s="39">
        <v>15</v>
      </c>
      <c r="Q69" s="39">
        <v>16903</v>
      </c>
      <c r="R69" s="41">
        <v>19</v>
      </c>
      <c r="S69" s="43">
        <v>14</v>
      </c>
      <c r="T69" s="39" t="s">
        <v>37</v>
      </c>
      <c r="U69" s="39">
        <v>7636</v>
      </c>
      <c r="V69" s="39">
        <v>22</v>
      </c>
      <c r="W69" s="39">
        <v>1287</v>
      </c>
      <c r="X69" s="39">
        <v>19</v>
      </c>
      <c r="Y69" s="39">
        <v>7466</v>
      </c>
      <c r="Z69" s="39">
        <v>25</v>
      </c>
      <c r="AA69" s="39">
        <v>7636</v>
      </c>
      <c r="AB69" s="41">
        <v>22</v>
      </c>
      <c r="AC69" s="39">
        <v>19295</v>
      </c>
      <c r="AD69" s="39">
        <v>18</v>
      </c>
      <c r="AE69" s="39">
        <v>-108</v>
      </c>
      <c r="AF69" s="39">
        <v>29</v>
      </c>
      <c r="AG69" s="39">
        <v>20600</v>
      </c>
      <c r="AH69" s="38">
        <v>11</v>
      </c>
      <c r="AI69" s="39">
        <v>19295</v>
      </c>
      <c r="AJ69" s="36">
        <v>18</v>
      </c>
    </row>
    <row r="70" spans="1:36" s="1" customFormat="1" ht="14.1" customHeight="1" x14ac:dyDescent="0.15">
      <c r="A70" s="43">
        <v>15</v>
      </c>
      <c r="B70" s="58" t="s">
        <v>36</v>
      </c>
      <c r="C70" s="39">
        <v>40144</v>
      </c>
      <c r="D70" s="39">
        <v>17</v>
      </c>
      <c r="E70" s="39">
        <v>0</v>
      </c>
      <c r="F70" s="39">
        <v>7</v>
      </c>
      <c r="G70" s="39">
        <v>45571</v>
      </c>
      <c r="H70" s="39">
        <v>24</v>
      </c>
      <c r="I70" s="39">
        <v>40144</v>
      </c>
      <c r="J70" s="41">
        <v>17</v>
      </c>
      <c r="K70" s="39">
        <v>18211</v>
      </c>
      <c r="L70" s="39">
        <v>5</v>
      </c>
      <c r="M70" s="39">
        <v>0</v>
      </c>
      <c r="N70" s="39">
        <v>20</v>
      </c>
      <c r="O70" s="39">
        <v>18716</v>
      </c>
      <c r="P70" s="39">
        <v>5</v>
      </c>
      <c r="Q70" s="39">
        <v>18211</v>
      </c>
      <c r="R70" s="41">
        <v>5</v>
      </c>
      <c r="S70" s="43">
        <v>15</v>
      </c>
      <c r="T70" s="39" t="s">
        <v>36</v>
      </c>
      <c r="U70" s="39">
        <v>7685</v>
      </c>
      <c r="V70" s="39">
        <v>21</v>
      </c>
      <c r="W70" s="39">
        <v>28925</v>
      </c>
      <c r="X70" s="39">
        <v>1</v>
      </c>
      <c r="Y70" s="39">
        <v>7699</v>
      </c>
      <c r="Z70" s="39">
        <v>17</v>
      </c>
      <c r="AA70" s="39">
        <v>7686</v>
      </c>
      <c r="AB70" s="41">
        <v>21</v>
      </c>
      <c r="AC70" s="39">
        <v>20263</v>
      </c>
      <c r="AD70" s="39">
        <v>8</v>
      </c>
      <c r="AE70" s="39">
        <v>21105</v>
      </c>
      <c r="AF70" s="39">
        <v>5</v>
      </c>
      <c r="AG70" s="39">
        <v>21455</v>
      </c>
      <c r="AH70" s="38">
        <v>6</v>
      </c>
      <c r="AI70" s="39">
        <v>20263</v>
      </c>
      <c r="AJ70" s="59">
        <v>8</v>
      </c>
    </row>
    <row r="71" spans="1:36" s="1" customFormat="1" ht="14.1" customHeight="1" x14ac:dyDescent="0.15">
      <c r="A71" s="43">
        <v>16</v>
      </c>
      <c r="B71" s="58" t="s">
        <v>35</v>
      </c>
      <c r="C71" s="39">
        <v>40547</v>
      </c>
      <c r="D71" s="39">
        <v>16</v>
      </c>
      <c r="E71" s="39">
        <v>0</v>
      </c>
      <c r="F71" s="39">
        <v>7</v>
      </c>
      <c r="G71" s="39">
        <v>47110</v>
      </c>
      <c r="H71" s="39">
        <v>20</v>
      </c>
      <c r="I71" s="39">
        <v>40547</v>
      </c>
      <c r="J71" s="41">
        <v>16</v>
      </c>
      <c r="K71" s="39">
        <v>18041</v>
      </c>
      <c r="L71" s="39">
        <v>7</v>
      </c>
      <c r="M71" s="39">
        <v>0</v>
      </c>
      <c r="N71" s="39">
        <v>20</v>
      </c>
      <c r="O71" s="39">
        <v>18747</v>
      </c>
      <c r="P71" s="39">
        <v>4</v>
      </c>
      <c r="Q71" s="39">
        <v>18041</v>
      </c>
      <c r="R71" s="41">
        <v>7</v>
      </c>
      <c r="S71" s="43">
        <v>16</v>
      </c>
      <c r="T71" s="39" t="s">
        <v>35</v>
      </c>
      <c r="U71" s="39">
        <v>7934</v>
      </c>
      <c r="V71" s="39">
        <v>6</v>
      </c>
      <c r="W71" s="39">
        <v>10907</v>
      </c>
      <c r="X71" s="39">
        <v>4</v>
      </c>
      <c r="Y71" s="39">
        <v>7836</v>
      </c>
      <c r="Z71" s="39">
        <v>8</v>
      </c>
      <c r="AA71" s="39">
        <v>7933</v>
      </c>
      <c r="AB71" s="41">
        <v>6</v>
      </c>
      <c r="AC71" s="39">
        <v>20022</v>
      </c>
      <c r="AD71" s="39">
        <v>10</v>
      </c>
      <c r="AE71" s="39">
        <v>20163</v>
      </c>
      <c r="AF71" s="39">
        <v>6</v>
      </c>
      <c r="AG71" s="39">
        <v>21219</v>
      </c>
      <c r="AH71" s="38">
        <v>8</v>
      </c>
      <c r="AI71" s="39">
        <v>20022</v>
      </c>
      <c r="AJ71" s="59">
        <v>10</v>
      </c>
    </row>
    <row r="72" spans="1:36" s="1" customFormat="1" ht="14.1" customHeight="1" x14ac:dyDescent="0.15">
      <c r="A72" s="43">
        <v>17</v>
      </c>
      <c r="B72" s="58" t="s">
        <v>34</v>
      </c>
      <c r="C72" s="39">
        <v>38257</v>
      </c>
      <c r="D72" s="39">
        <v>26</v>
      </c>
      <c r="E72" s="39">
        <v>-7870</v>
      </c>
      <c r="F72" s="39">
        <v>33</v>
      </c>
      <c r="G72" s="39">
        <v>42033</v>
      </c>
      <c r="H72" s="39">
        <v>30</v>
      </c>
      <c r="I72" s="39">
        <v>38256</v>
      </c>
      <c r="J72" s="41">
        <v>26</v>
      </c>
      <c r="K72" s="39">
        <v>16603</v>
      </c>
      <c r="L72" s="39">
        <v>23</v>
      </c>
      <c r="M72" s="39">
        <v>-526990</v>
      </c>
      <c r="N72" s="39">
        <v>33</v>
      </c>
      <c r="O72" s="39">
        <v>16974</v>
      </c>
      <c r="P72" s="39">
        <v>22</v>
      </c>
      <c r="Q72" s="39">
        <v>16601</v>
      </c>
      <c r="R72" s="41">
        <v>23</v>
      </c>
      <c r="S72" s="43">
        <v>17</v>
      </c>
      <c r="T72" s="39" t="s">
        <v>34</v>
      </c>
      <c r="U72" s="39">
        <v>7782</v>
      </c>
      <c r="V72" s="39">
        <v>15</v>
      </c>
      <c r="W72" s="39">
        <v>5490</v>
      </c>
      <c r="X72" s="39">
        <v>11</v>
      </c>
      <c r="Y72" s="39">
        <v>7653</v>
      </c>
      <c r="Z72" s="39">
        <v>20</v>
      </c>
      <c r="AA72" s="39">
        <v>7782</v>
      </c>
      <c r="AB72" s="41">
        <v>15</v>
      </c>
      <c r="AC72" s="39">
        <v>18582</v>
      </c>
      <c r="AD72" s="39">
        <v>28</v>
      </c>
      <c r="AE72" s="39">
        <v>-540350</v>
      </c>
      <c r="AF72" s="39">
        <v>33</v>
      </c>
      <c r="AG72" s="39">
        <v>19361</v>
      </c>
      <c r="AH72" s="38">
        <v>30</v>
      </c>
      <c r="AI72" s="39">
        <v>18581</v>
      </c>
      <c r="AJ72" s="59">
        <v>28</v>
      </c>
    </row>
    <row r="73" spans="1:36" s="1" customFormat="1" ht="14.1" customHeight="1" x14ac:dyDescent="0.15">
      <c r="A73" s="43">
        <v>18</v>
      </c>
      <c r="B73" s="58" t="s">
        <v>33</v>
      </c>
      <c r="C73" s="39">
        <v>33511</v>
      </c>
      <c r="D73" s="39">
        <v>32</v>
      </c>
      <c r="E73" s="39">
        <v>0</v>
      </c>
      <c r="F73" s="39">
        <v>7</v>
      </c>
      <c r="G73" s="39">
        <v>42726</v>
      </c>
      <c r="H73" s="39">
        <v>28</v>
      </c>
      <c r="I73" s="39">
        <v>33511</v>
      </c>
      <c r="J73" s="41">
        <v>32</v>
      </c>
      <c r="K73" s="39">
        <v>16924</v>
      </c>
      <c r="L73" s="39">
        <v>17</v>
      </c>
      <c r="M73" s="39">
        <v>14336</v>
      </c>
      <c r="N73" s="39">
        <v>9</v>
      </c>
      <c r="O73" s="39">
        <v>16991</v>
      </c>
      <c r="P73" s="39">
        <v>21</v>
      </c>
      <c r="Q73" s="39">
        <v>16923</v>
      </c>
      <c r="R73" s="41">
        <v>17</v>
      </c>
      <c r="S73" s="43">
        <v>18</v>
      </c>
      <c r="T73" s="39" t="s">
        <v>33</v>
      </c>
      <c r="U73" s="39">
        <v>7278</v>
      </c>
      <c r="V73" s="39">
        <v>31</v>
      </c>
      <c r="W73" s="39">
        <v>13350</v>
      </c>
      <c r="X73" s="39">
        <v>3</v>
      </c>
      <c r="Y73" s="39">
        <v>7211</v>
      </c>
      <c r="Z73" s="39">
        <v>31</v>
      </c>
      <c r="AA73" s="39">
        <v>7278</v>
      </c>
      <c r="AB73" s="41">
        <v>31</v>
      </c>
      <c r="AC73" s="39">
        <v>18336</v>
      </c>
      <c r="AD73" s="39">
        <v>30</v>
      </c>
      <c r="AE73" s="39">
        <v>13527</v>
      </c>
      <c r="AF73" s="39">
        <v>11</v>
      </c>
      <c r="AG73" s="39">
        <v>18921</v>
      </c>
      <c r="AH73" s="38">
        <v>32</v>
      </c>
      <c r="AI73" s="39">
        <v>18336</v>
      </c>
      <c r="AJ73" s="59">
        <v>30</v>
      </c>
    </row>
    <row r="74" spans="1:36" s="1" customFormat="1" ht="14.1" customHeight="1" x14ac:dyDescent="0.15">
      <c r="A74" s="43">
        <v>19</v>
      </c>
      <c r="B74" s="58" t="s">
        <v>32</v>
      </c>
      <c r="C74" s="39">
        <v>45884</v>
      </c>
      <c r="D74" s="39">
        <v>3</v>
      </c>
      <c r="E74" s="39">
        <v>0</v>
      </c>
      <c r="F74" s="39">
        <v>7</v>
      </c>
      <c r="G74" s="39">
        <v>51950</v>
      </c>
      <c r="H74" s="39">
        <v>4</v>
      </c>
      <c r="I74" s="39">
        <v>45884</v>
      </c>
      <c r="J74" s="41">
        <v>3</v>
      </c>
      <c r="K74" s="39">
        <v>16152</v>
      </c>
      <c r="L74" s="39">
        <v>29</v>
      </c>
      <c r="M74" s="39">
        <v>11647</v>
      </c>
      <c r="N74" s="39">
        <v>13</v>
      </c>
      <c r="O74" s="39">
        <v>16499</v>
      </c>
      <c r="P74" s="39">
        <v>29</v>
      </c>
      <c r="Q74" s="39">
        <v>16152</v>
      </c>
      <c r="R74" s="41">
        <v>29</v>
      </c>
      <c r="S74" s="43">
        <v>19</v>
      </c>
      <c r="T74" s="39" t="s">
        <v>32</v>
      </c>
      <c r="U74" s="39">
        <v>7780</v>
      </c>
      <c r="V74" s="39">
        <v>16</v>
      </c>
      <c r="W74" s="39">
        <v>0</v>
      </c>
      <c r="X74" s="39">
        <v>20</v>
      </c>
      <c r="Y74" s="39">
        <v>7805</v>
      </c>
      <c r="Z74" s="39">
        <v>10</v>
      </c>
      <c r="AA74" s="39">
        <v>7780</v>
      </c>
      <c r="AB74" s="41">
        <v>16</v>
      </c>
      <c r="AC74" s="39">
        <v>18280</v>
      </c>
      <c r="AD74" s="39">
        <v>31</v>
      </c>
      <c r="AE74" s="39">
        <v>11147</v>
      </c>
      <c r="AF74" s="39">
        <v>12</v>
      </c>
      <c r="AG74" s="39">
        <v>19415</v>
      </c>
      <c r="AH74" s="38">
        <v>29</v>
      </c>
      <c r="AI74" s="39">
        <v>18280</v>
      </c>
      <c r="AJ74" s="59">
        <v>31</v>
      </c>
    </row>
    <row r="75" spans="1:36" s="1" customFormat="1" ht="14.1" customHeight="1" x14ac:dyDescent="0.15">
      <c r="A75" s="43">
        <v>20</v>
      </c>
      <c r="B75" s="58" t="s">
        <v>31</v>
      </c>
      <c r="C75" s="39">
        <v>42233</v>
      </c>
      <c r="D75" s="39">
        <v>10</v>
      </c>
      <c r="E75" s="39">
        <v>0</v>
      </c>
      <c r="F75" s="39">
        <v>7</v>
      </c>
      <c r="G75" s="39">
        <v>48424</v>
      </c>
      <c r="H75" s="39">
        <v>15</v>
      </c>
      <c r="I75" s="39">
        <v>42233</v>
      </c>
      <c r="J75" s="41">
        <v>10</v>
      </c>
      <c r="K75" s="39">
        <v>17794</v>
      </c>
      <c r="L75" s="39">
        <v>10</v>
      </c>
      <c r="M75" s="39">
        <v>0</v>
      </c>
      <c r="N75" s="39">
        <v>20</v>
      </c>
      <c r="O75" s="39">
        <v>17959</v>
      </c>
      <c r="P75" s="39">
        <v>10</v>
      </c>
      <c r="Q75" s="39">
        <v>17794</v>
      </c>
      <c r="R75" s="41">
        <v>10</v>
      </c>
      <c r="S75" s="43">
        <v>20</v>
      </c>
      <c r="T75" s="39" t="s">
        <v>31</v>
      </c>
      <c r="U75" s="39">
        <v>7621</v>
      </c>
      <c r="V75" s="39">
        <v>23</v>
      </c>
      <c r="W75" s="39">
        <v>4780</v>
      </c>
      <c r="X75" s="39">
        <v>14</v>
      </c>
      <c r="Y75" s="39">
        <v>7647</v>
      </c>
      <c r="Z75" s="39">
        <v>21</v>
      </c>
      <c r="AA75" s="39">
        <v>7621</v>
      </c>
      <c r="AB75" s="41">
        <v>23</v>
      </c>
      <c r="AC75" s="39">
        <v>20273</v>
      </c>
      <c r="AD75" s="39">
        <v>6</v>
      </c>
      <c r="AE75" s="39">
        <v>4780</v>
      </c>
      <c r="AF75" s="39">
        <v>17</v>
      </c>
      <c r="AG75" s="39">
        <v>21132</v>
      </c>
      <c r="AH75" s="38">
        <v>9</v>
      </c>
      <c r="AI75" s="39">
        <v>20273</v>
      </c>
      <c r="AJ75" s="59">
        <v>6</v>
      </c>
    </row>
    <row r="76" spans="1:36" s="1" customFormat="1" ht="14.1" customHeight="1" x14ac:dyDescent="0.15">
      <c r="A76" s="43">
        <v>21</v>
      </c>
      <c r="B76" s="58" t="s">
        <v>30</v>
      </c>
      <c r="C76" s="39">
        <v>40131</v>
      </c>
      <c r="D76" s="39">
        <v>18</v>
      </c>
      <c r="E76" s="39">
        <v>0</v>
      </c>
      <c r="F76" s="39">
        <v>7</v>
      </c>
      <c r="G76" s="39">
        <v>49830</v>
      </c>
      <c r="H76" s="39">
        <v>8</v>
      </c>
      <c r="I76" s="39">
        <v>40127</v>
      </c>
      <c r="J76" s="41">
        <v>18</v>
      </c>
      <c r="K76" s="39">
        <v>18715</v>
      </c>
      <c r="L76" s="39">
        <v>1</v>
      </c>
      <c r="M76" s="39">
        <v>0</v>
      </c>
      <c r="N76" s="39">
        <v>20</v>
      </c>
      <c r="O76" s="39">
        <v>19106</v>
      </c>
      <c r="P76" s="39">
        <v>3</v>
      </c>
      <c r="Q76" s="39">
        <v>18715</v>
      </c>
      <c r="R76" s="41">
        <v>1</v>
      </c>
      <c r="S76" s="43">
        <v>21</v>
      </c>
      <c r="T76" s="39" t="s">
        <v>30</v>
      </c>
      <c r="U76" s="39">
        <v>8207</v>
      </c>
      <c r="V76" s="39">
        <v>3</v>
      </c>
      <c r="W76" s="39">
        <v>0</v>
      </c>
      <c r="X76" s="39">
        <v>20</v>
      </c>
      <c r="Y76" s="39">
        <v>8179</v>
      </c>
      <c r="Z76" s="39">
        <v>2</v>
      </c>
      <c r="AA76" s="39">
        <v>8207</v>
      </c>
      <c r="AB76" s="41">
        <v>3</v>
      </c>
      <c r="AC76" s="39">
        <v>20388</v>
      </c>
      <c r="AD76" s="39">
        <v>4</v>
      </c>
      <c r="AE76" s="39">
        <v>0</v>
      </c>
      <c r="AF76" s="39">
        <v>20</v>
      </c>
      <c r="AG76" s="39">
        <v>21596</v>
      </c>
      <c r="AH76" s="38">
        <v>4</v>
      </c>
      <c r="AI76" s="39">
        <v>20387</v>
      </c>
      <c r="AJ76" s="59">
        <v>4</v>
      </c>
    </row>
    <row r="77" spans="1:36" s="1" customFormat="1" ht="14.1" customHeight="1" x14ac:dyDescent="0.15">
      <c r="A77" s="43">
        <v>22</v>
      </c>
      <c r="B77" s="58" t="s">
        <v>29</v>
      </c>
      <c r="C77" s="39">
        <v>38532</v>
      </c>
      <c r="D77" s="39">
        <v>25</v>
      </c>
      <c r="E77" s="39">
        <v>266000</v>
      </c>
      <c r="F77" s="39">
        <v>1</v>
      </c>
      <c r="G77" s="39">
        <v>48817</v>
      </c>
      <c r="H77" s="39">
        <v>13</v>
      </c>
      <c r="I77" s="39">
        <v>38555</v>
      </c>
      <c r="J77" s="41">
        <v>25</v>
      </c>
      <c r="K77" s="39">
        <v>17850</v>
      </c>
      <c r="L77" s="39">
        <v>9</v>
      </c>
      <c r="M77" s="39">
        <v>18428</v>
      </c>
      <c r="N77" s="39">
        <v>5</v>
      </c>
      <c r="O77" s="39">
        <v>18585</v>
      </c>
      <c r="P77" s="39">
        <v>7</v>
      </c>
      <c r="Q77" s="39">
        <v>17850</v>
      </c>
      <c r="R77" s="41">
        <v>9</v>
      </c>
      <c r="S77" s="43">
        <v>22</v>
      </c>
      <c r="T77" s="39" t="s">
        <v>29</v>
      </c>
      <c r="U77" s="39">
        <v>7734</v>
      </c>
      <c r="V77" s="39">
        <v>17</v>
      </c>
      <c r="W77" s="39">
        <v>0</v>
      </c>
      <c r="X77" s="39">
        <v>20</v>
      </c>
      <c r="Y77" s="39">
        <v>7694</v>
      </c>
      <c r="Z77" s="39">
        <v>19</v>
      </c>
      <c r="AA77" s="39">
        <v>7734</v>
      </c>
      <c r="AB77" s="41">
        <v>17</v>
      </c>
      <c r="AC77" s="39">
        <v>20298</v>
      </c>
      <c r="AD77" s="39">
        <v>5</v>
      </c>
      <c r="AE77" s="39">
        <v>44039</v>
      </c>
      <c r="AF77" s="39">
        <v>1</v>
      </c>
      <c r="AG77" s="39">
        <v>21501</v>
      </c>
      <c r="AH77" s="38">
        <v>5</v>
      </c>
      <c r="AI77" s="39">
        <v>20303</v>
      </c>
      <c r="AJ77" s="59">
        <v>5</v>
      </c>
    </row>
    <row r="78" spans="1:36" s="1" customFormat="1" ht="14.1" customHeight="1" x14ac:dyDescent="0.15">
      <c r="A78" s="43">
        <v>23</v>
      </c>
      <c r="B78" s="58" t="s">
        <v>28</v>
      </c>
      <c r="C78" s="39">
        <v>37360</v>
      </c>
      <c r="D78" s="39">
        <v>28</v>
      </c>
      <c r="E78" s="39">
        <v>0</v>
      </c>
      <c r="F78" s="39">
        <v>7</v>
      </c>
      <c r="G78" s="39">
        <v>43362</v>
      </c>
      <c r="H78" s="39">
        <v>27</v>
      </c>
      <c r="I78" s="39">
        <v>37359</v>
      </c>
      <c r="J78" s="41">
        <v>28</v>
      </c>
      <c r="K78" s="39">
        <v>16999</v>
      </c>
      <c r="L78" s="39">
        <v>16</v>
      </c>
      <c r="M78" s="39">
        <v>14090</v>
      </c>
      <c r="N78" s="39">
        <v>10</v>
      </c>
      <c r="O78" s="39">
        <v>17378</v>
      </c>
      <c r="P78" s="39">
        <v>14</v>
      </c>
      <c r="Q78" s="39">
        <v>16999</v>
      </c>
      <c r="R78" s="41">
        <v>16</v>
      </c>
      <c r="S78" s="43">
        <v>23</v>
      </c>
      <c r="T78" s="39" t="s">
        <v>28</v>
      </c>
      <c r="U78" s="39">
        <v>7475</v>
      </c>
      <c r="V78" s="39">
        <v>28</v>
      </c>
      <c r="W78" s="39">
        <v>5780</v>
      </c>
      <c r="X78" s="39">
        <v>10</v>
      </c>
      <c r="Y78" s="39">
        <v>7346</v>
      </c>
      <c r="Z78" s="39">
        <v>29</v>
      </c>
      <c r="AA78" s="39">
        <v>7475</v>
      </c>
      <c r="AB78" s="41">
        <v>28</v>
      </c>
      <c r="AC78" s="39">
        <v>19062</v>
      </c>
      <c r="AD78" s="39">
        <v>23</v>
      </c>
      <c r="AE78" s="39">
        <v>3557</v>
      </c>
      <c r="AF78" s="39">
        <v>19</v>
      </c>
      <c r="AG78" s="39">
        <v>20162</v>
      </c>
      <c r="AH78" s="38">
        <v>18</v>
      </c>
      <c r="AI78" s="39">
        <v>19062</v>
      </c>
      <c r="AJ78" s="59">
        <v>23</v>
      </c>
    </row>
    <row r="79" spans="1:36" s="1" customFormat="1" ht="14.1" customHeight="1" x14ac:dyDescent="0.15">
      <c r="A79" s="43">
        <v>24</v>
      </c>
      <c r="B79" s="58" t="s">
        <v>27</v>
      </c>
      <c r="C79" s="39">
        <v>41924</v>
      </c>
      <c r="D79" s="39">
        <v>11</v>
      </c>
      <c r="E79" s="39">
        <v>0</v>
      </c>
      <c r="F79" s="39">
        <v>7</v>
      </c>
      <c r="G79" s="39">
        <v>47221</v>
      </c>
      <c r="H79" s="39">
        <v>18</v>
      </c>
      <c r="I79" s="39">
        <v>41924</v>
      </c>
      <c r="J79" s="41">
        <v>11</v>
      </c>
      <c r="K79" s="39">
        <v>18366</v>
      </c>
      <c r="L79" s="39">
        <v>3</v>
      </c>
      <c r="M79" s="39">
        <v>0</v>
      </c>
      <c r="N79" s="39">
        <v>20</v>
      </c>
      <c r="O79" s="39">
        <v>18219</v>
      </c>
      <c r="P79" s="39">
        <v>8</v>
      </c>
      <c r="Q79" s="39">
        <v>18366</v>
      </c>
      <c r="R79" s="41">
        <v>3</v>
      </c>
      <c r="S79" s="43">
        <v>24</v>
      </c>
      <c r="T79" s="39" t="s">
        <v>27</v>
      </c>
      <c r="U79" s="39">
        <v>6968</v>
      </c>
      <c r="V79" s="39">
        <v>33</v>
      </c>
      <c r="W79" s="39">
        <v>0</v>
      </c>
      <c r="X79" s="39">
        <v>20</v>
      </c>
      <c r="Y79" s="39">
        <v>6949</v>
      </c>
      <c r="Z79" s="39">
        <v>33</v>
      </c>
      <c r="AA79" s="39">
        <v>6968</v>
      </c>
      <c r="AB79" s="41">
        <v>33</v>
      </c>
      <c r="AC79" s="39">
        <v>20271</v>
      </c>
      <c r="AD79" s="39">
        <v>7</v>
      </c>
      <c r="AE79" s="39">
        <v>0</v>
      </c>
      <c r="AF79" s="39">
        <v>20</v>
      </c>
      <c r="AG79" s="39">
        <v>21125</v>
      </c>
      <c r="AH79" s="38">
        <v>10</v>
      </c>
      <c r="AI79" s="39">
        <v>20271</v>
      </c>
      <c r="AJ79" s="59">
        <v>7</v>
      </c>
    </row>
    <row r="80" spans="1:36" s="1" customFormat="1" ht="14.1" customHeight="1" x14ac:dyDescent="0.15">
      <c r="A80" s="43">
        <v>25</v>
      </c>
      <c r="B80" s="58" t="s">
        <v>26</v>
      </c>
      <c r="C80" s="39">
        <v>44072</v>
      </c>
      <c r="D80" s="39">
        <v>7</v>
      </c>
      <c r="E80" s="39">
        <v>0</v>
      </c>
      <c r="F80" s="39">
        <v>7</v>
      </c>
      <c r="G80" s="39">
        <v>49213</v>
      </c>
      <c r="H80" s="39">
        <v>12</v>
      </c>
      <c r="I80" s="39">
        <v>44072</v>
      </c>
      <c r="J80" s="41">
        <v>7</v>
      </c>
      <c r="K80" s="39">
        <v>15601</v>
      </c>
      <c r="L80" s="39">
        <v>33</v>
      </c>
      <c r="M80" s="39">
        <v>0</v>
      </c>
      <c r="N80" s="39">
        <v>20</v>
      </c>
      <c r="O80" s="39">
        <v>14086</v>
      </c>
      <c r="P80" s="39">
        <v>33</v>
      </c>
      <c r="Q80" s="39">
        <v>15601</v>
      </c>
      <c r="R80" s="41">
        <v>33</v>
      </c>
      <c r="S80" s="43">
        <v>25</v>
      </c>
      <c r="T80" s="39" t="s">
        <v>26</v>
      </c>
      <c r="U80" s="39">
        <v>7879</v>
      </c>
      <c r="V80" s="39">
        <v>8</v>
      </c>
      <c r="W80" s="39">
        <v>0</v>
      </c>
      <c r="X80" s="39">
        <v>20</v>
      </c>
      <c r="Y80" s="39">
        <v>7761</v>
      </c>
      <c r="Z80" s="39">
        <v>12</v>
      </c>
      <c r="AA80" s="39">
        <v>7879</v>
      </c>
      <c r="AB80" s="41">
        <v>8</v>
      </c>
      <c r="AC80" s="39">
        <v>17960</v>
      </c>
      <c r="AD80" s="39">
        <v>33</v>
      </c>
      <c r="AE80" s="39">
        <v>0</v>
      </c>
      <c r="AF80" s="39">
        <v>20</v>
      </c>
      <c r="AG80" s="39">
        <v>17778</v>
      </c>
      <c r="AH80" s="38">
        <v>33</v>
      </c>
      <c r="AI80" s="39">
        <v>17960</v>
      </c>
      <c r="AJ80" s="59">
        <v>33</v>
      </c>
    </row>
    <row r="81" spans="1:36" s="1" customFormat="1" ht="14.1" customHeight="1" x14ac:dyDescent="0.15">
      <c r="A81" s="43">
        <v>26</v>
      </c>
      <c r="B81" s="58" t="s">
        <v>25</v>
      </c>
      <c r="C81" s="39">
        <v>39843</v>
      </c>
      <c r="D81" s="39">
        <v>20</v>
      </c>
      <c r="E81" s="39">
        <v>0</v>
      </c>
      <c r="F81" s="39">
        <v>7</v>
      </c>
      <c r="G81" s="39">
        <v>47036</v>
      </c>
      <c r="H81" s="39">
        <v>21</v>
      </c>
      <c r="I81" s="39">
        <v>39843</v>
      </c>
      <c r="J81" s="41">
        <v>20</v>
      </c>
      <c r="K81" s="39">
        <v>17310</v>
      </c>
      <c r="L81" s="39">
        <v>13</v>
      </c>
      <c r="M81" s="39">
        <v>9350</v>
      </c>
      <c r="N81" s="39">
        <v>17</v>
      </c>
      <c r="O81" s="39">
        <v>16876</v>
      </c>
      <c r="P81" s="39">
        <v>23</v>
      </c>
      <c r="Q81" s="39">
        <v>17309</v>
      </c>
      <c r="R81" s="41">
        <v>13</v>
      </c>
      <c r="S81" s="43">
        <v>26</v>
      </c>
      <c r="T81" s="39" t="s">
        <v>25</v>
      </c>
      <c r="U81" s="39">
        <v>7724</v>
      </c>
      <c r="V81" s="39">
        <v>19</v>
      </c>
      <c r="W81" s="39">
        <v>0</v>
      </c>
      <c r="X81" s="39">
        <v>20</v>
      </c>
      <c r="Y81" s="39">
        <v>7989</v>
      </c>
      <c r="Z81" s="39">
        <v>7</v>
      </c>
      <c r="AA81" s="39">
        <v>7724</v>
      </c>
      <c r="AB81" s="41">
        <v>19</v>
      </c>
      <c r="AC81" s="39">
        <v>19602</v>
      </c>
      <c r="AD81" s="39">
        <v>13</v>
      </c>
      <c r="AE81" s="39">
        <v>7950</v>
      </c>
      <c r="AF81" s="39">
        <v>14</v>
      </c>
      <c r="AG81" s="39">
        <v>19968</v>
      </c>
      <c r="AH81" s="38">
        <v>20</v>
      </c>
      <c r="AI81" s="39">
        <v>19601</v>
      </c>
      <c r="AJ81" s="59">
        <v>13</v>
      </c>
    </row>
    <row r="82" spans="1:36" s="1" customFormat="1" ht="14.1" customHeight="1" x14ac:dyDescent="0.15">
      <c r="A82" s="43">
        <v>27</v>
      </c>
      <c r="B82" s="58" t="s">
        <v>24</v>
      </c>
      <c r="C82" s="39">
        <v>32558</v>
      </c>
      <c r="D82" s="39">
        <v>33</v>
      </c>
      <c r="E82" s="39">
        <v>0</v>
      </c>
      <c r="F82" s="39">
        <v>7</v>
      </c>
      <c r="G82" s="39">
        <v>33170</v>
      </c>
      <c r="H82" s="39">
        <v>33</v>
      </c>
      <c r="I82" s="39">
        <v>32558</v>
      </c>
      <c r="J82" s="41">
        <v>33</v>
      </c>
      <c r="K82" s="39">
        <v>17624</v>
      </c>
      <c r="L82" s="39">
        <v>11</v>
      </c>
      <c r="M82" s="39">
        <v>0</v>
      </c>
      <c r="N82" s="39">
        <v>20</v>
      </c>
      <c r="O82" s="39">
        <v>17854</v>
      </c>
      <c r="P82" s="39">
        <v>11</v>
      </c>
      <c r="Q82" s="39">
        <v>17624</v>
      </c>
      <c r="R82" s="41">
        <v>11</v>
      </c>
      <c r="S82" s="43">
        <v>27</v>
      </c>
      <c r="T82" s="39" t="s">
        <v>24</v>
      </c>
      <c r="U82" s="39">
        <v>7138</v>
      </c>
      <c r="V82" s="39">
        <v>32</v>
      </c>
      <c r="W82" s="39">
        <v>0</v>
      </c>
      <c r="X82" s="39">
        <v>20</v>
      </c>
      <c r="Y82" s="39">
        <v>7104</v>
      </c>
      <c r="Z82" s="39">
        <v>32</v>
      </c>
      <c r="AA82" s="39">
        <v>7138</v>
      </c>
      <c r="AB82" s="41">
        <v>32</v>
      </c>
      <c r="AC82" s="39">
        <v>19458</v>
      </c>
      <c r="AD82" s="39">
        <v>14</v>
      </c>
      <c r="AE82" s="39">
        <v>0</v>
      </c>
      <c r="AF82" s="39">
        <v>20</v>
      </c>
      <c r="AG82" s="39">
        <v>19781</v>
      </c>
      <c r="AH82" s="38">
        <v>24</v>
      </c>
      <c r="AI82" s="39">
        <v>19458</v>
      </c>
      <c r="AJ82" s="36">
        <v>14</v>
      </c>
    </row>
    <row r="83" spans="1:36" s="1" customFormat="1" ht="14.1" customHeight="1" x14ac:dyDescent="0.15">
      <c r="A83" s="43">
        <v>28</v>
      </c>
      <c r="B83" s="58" t="s">
        <v>23</v>
      </c>
      <c r="C83" s="39">
        <v>37519</v>
      </c>
      <c r="D83" s="39">
        <v>27</v>
      </c>
      <c r="E83" s="39">
        <v>0</v>
      </c>
      <c r="F83" s="39">
        <v>7</v>
      </c>
      <c r="G83" s="39">
        <v>43706</v>
      </c>
      <c r="H83" s="39">
        <v>26</v>
      </c>
      <c r="I83" s="39">
        <v>37519</v>
      </c>
      <c r="J83" s="41">
        <v>27</v>
      </c>
      <c r="K83" s="39">
        <v>17861</v>
      </c>
      <c r="L83" s="39">
        <v>8</v>
      </c>
      <c r="M83" s="39">
        <v>89530</v>
      </c>
      <c r="N83" s="39">
        <v>1</v>
      </c>
      <c r="O83" s="39">
        <v>17984</v>
      </c>
      <c r="P83" s="39">
        <v>9</v>
      </c>
      <c r="Q83" s="39">
        <v>17864</v>
      </c>
      <c r="R83" s="41">
        <v>8</v>
      </c>
      <c r="S83" s="43">
        <v>28</v>
      </c>
      <c r="T83" s="39" t="s">
        <v>23</v>
      </c>
      <c r="U83" s="39">
        <v>8312</v>
      </c>
      <c r="V83" s="39">
        <v>1</v>
      </c>
      <c r="W83" s="39">
        <v>0</v>
      </c>
      <c r="X83" s="39">
        <v>20</v>
      </c>
      <c r="Y83" s="39">
        <v>8034</v>
      </c>
      <c r="Z83" s="39">
        <v>5</v>
      </c>
      <c r="AA83" s="39">
        <v>8312</v>
      </c>
      <c r="AB83" s="41">
        <v>1</v>
      </c>
      <c r="AC83" s="39">
        <v>19427</v>
      </c>
      <c r="AD83" s="39">
        <v>15</v>
      </c>
      <c r="AE83" s="39">
        <v>17390</v>
      </c>
      <c r="AF83" s="39">
        <v>7</v>
      </c>
      <c r="AG83" s="39">
        <v>19609</v>
      </c>
      <c r="AH83" s="38">
        <v>27</v>
      </c>
      <c r="AI83" s="39">
        <v>19426</v>
      </c>
      <c r="AJ83" s="36">
        <v>15</v>
      </c>
    </row>
    <row r="84" spans="1:36" s="1" customFormat="1" ht="14.1" customHeight="1" x14ac:dyDescent="0.15">
      <c r="A84" s="43">
        <v>29</v>
      </c>
      <c r="B84" s="58" t="s">
        <v>22</v>
      </c>
      <c r="C84" s="39">
        <v>39101</v>
      </c>
      <c r="D84" s="39">
        <v>23</v>
      </c>
      <c r="E84" s="39">
        <v>0</v>
      </c>
      <c r="F84" s="39">
        <v>7</v>
      </c>
      <c r="G84" s="39">
        <v>40243</v>
      </c>
      <c r="H84" s="39">
        <v>32</v>
      </c>
      <c r="I84" s="39">
        <v>39100</v>
      </c>
      <c r="J84" s="41">
        <v>23</v>
      </c>
      <c r="K84" s="39">
        <v>16881</v>
      </c>
      <c r="L84" s="39">
        <v>20</v>
      </c>
      <c r="M84" s="39">
        <v>38920</v>
      </c>
      <c r="N84" s="39">
        <v>3</v>
      </c>
      <c r="O84" s="39">
        <v>17016</v>
      </c>
      <c r="P84" s="39">
        <v>20</v>
      </c>
      <c r="Q84" s="39">
        <v>16881</v>
      </c>
      <c r="R84" s="41">
        <v>20</v>
      </c>
      <c r="S84" s="43">
        <v>29</v>
      </c>
      <c r="T84" s="39" t="s">
        <v>22</v>
      </c>
      <c r="U84" s="39">
        <v>7693</v>
      </c>
      <c r="V84" s="39">
        <v>20</v>
      </c>
      <c r="W84" s="39">
        <v>0</v>
      </c>
      <c r="X84" s="39">
        <v>20</v>
      </c>
      <c r="Y84" s="39">
        <v>8043</v>
      </c>
      <c r="Z84" s="39">
        <v>4</v>
      </c>
      <c r="AA84" s="39">
        <v>7693</v>
      </c>
      <c r="AB84" s="41">
        <v>20</v>
      </c>
      <c r="AC84" s="39">
        <v>20186</v>
      </c>
      <c r="AD84" s="39">
        <v>9</v>
      </c>
      <c r="AE84" s="39">
        <v>36120</v>
      </c>
      <c r="AF84" s="39">
        <v>2</v>
      </c>
      <c r="AG84" s="39">
        <v>20259</v>
      </c>
      <c r="AH84" s="38">
        <v>15</v>
      </c>
      <c r="AI84" s="39">
        <v>20186</v>
      </c>
      <c r="AJ84" s="36">
        <v>9</v>
      </c>
    </row>
    <row r="85" spans="1:36" s="1" customFormat="1" ht="14.1" customHeight="1" x14ac:dyDescent="0.15">
      <c r="A85" s="43">
        <v>30</v>
      </c>
      <c r="B85" s="58" t="s">
        <v>21</v>
      </c>
      <c r="C85" s="39">
        <v>41843</v>
      </c>
      <c r="D85" s="39">
        <v>12</v>
      </c>
      <c r="E85" s="39">
        <v>38273</v>
      </c>
      <c r="F85" s="39">
        <v>3</v>
      </c>
      <c r="G85" s="39">
        <v>49462</v>
      </c>
      <c r="H85" s="39">
        <v>10</v>
      </c>
      <c r="I85" s="39">
        <v>41841</v>
      </c>
      <c r="J85" s="41">
        <v>12</v>
      </c>
      <c r="K85" s="39">
        <v>18611</v>
      </c>
      <c r="L85" s="39">
        <v>2</v>
      </c>
      <c r="M85" s="39">
        <v>18022</v>
      </c>
      <c r="N85" s="39">
        <v>6</v>
      </c>
      <c r="O85" s="39">
        <v>20159</v>
      </c>
      <c r="P85" s="39">
        <v>1</v>
      </c>
      <c r="Q85" s="39">
        <v>18610</v>
      </c>
      <c r="R85" s="41">
        <v>2</v>
      </c>
      <c r="S85" s="43">
        <v>30</v>
      </c>
      <c r="T85" s="39" t="s">
        <v>21</v>
      </c>
      <c r="U85" s="39">
        <v>7616</v>
      </c>
      <c r="V85" s="39">
        <v>25</v>
      </c>
      <c r="W85" s="39">
        <v>6360</v>
      </c>
      <c r="X85" s="39">
        <v>9</v>
      </c>
      <c r="Y85" s="39">
        <v>7454</v>
      </c>
      <c r="Z85" s="39">
        <v>27</v>
      </c>
      <c r="AA85" s="39">
        <v>7611</v>
      </c>
      <c r="AB85" s="41">
        <v>25</v>
      </c>
      <c r="AC85" s="39">
        <v>21883</v>
      </c>
      <c r="AD85" s="39">
        <v>1</v>
      </c>
      <c r="AE85" s="39">
        <v>14991</v>
      </c>
      <c r="AF85" s="39">
        <v>10</v>
      </c>
      <c r="AG85" s="39">
        <v>24262</v>
      </c>
      <c r="AH85" s="38">
        <v>1</v>
      </c>
      <c r="AI85" s="39">
        <v>21868</v>
      </c>
      <c r="AJ85" s="36">
        <v>1</v>
      </c>
    </row>
    <row r="86" spans="1:36" s="1" customFormat="1" ht="14.1" customHeight="1" x14ac:dyDescent="0.15">
      <c r="A86" s="43">
        <v>31</v>
      </c>
      <c r="B86" s="58" t="s">
        <v>20</v>
      </c>
      <c r="C86" s="39">
        <v>41581</v>
      </c>
      <c r="D86" s="39">
        <v>14</v>
      </c>
      <c r="E86" s="39">
        <v>0</v>
      </c>
      <c r="F86" s="39">
        <v>7</v>
      </c>
      <c r="G86" s="39">
        <v>47511</v>
      </c>
      <c r="H86" s="39">
        <v>17</v>
      </c>
      <c r="I86" s="39">
        <v>41581</v>
      </c>
      <c r="J86" s="41">
        <v>14</v>
      </c>
      <c r="K86" s="39">
        <v>18096</v>
      </c>
      <c r="L86" s="39">
        <v>6</v>
      </c>
      <c r="M86" s="39">
        <v>0</v>
      </c>
      <c r="N86" s="39">
        <v>20</v>
      </c>
      <c r="O86" s="39">
        <v>18682</v>
      </c>
      <c r="P86" s="39">
        <v>6</v>
      </c>
      <c r="Q86" s="39">
        <v>18096</v>
      </c>
      <c r="R86" s="41">
        <v>6</v>
      </c>
      <c r="S86" s="43">
        <v>31</v>
      </c>
      <c r="T86" s="39" t="s">
        <v>20</v>
      </c>
      <c r="U86" s="39">
        <v>8224</v>
      </c>
      <c r="V86" s="39">
        <v>2</v>
      </c>
      <c r="W86" s="39">
        <v>0</v>
      </c>
      <c r="X86" s="39">
        <v>20</v>
      </c>
      <c r="Y86" s="39">
        <v>8289</v>
      </c>
      <c r="Z86" s="39">
        <v>1</v>
      </c>
      <c r="AA86" s="39">
        <v>8224</v>
      </c>
      <c r="AB86" s="41">
        <v>2</v>
      </c>
      <c r="AC86" s="39">
        <v>20855</v>
      </c>
      <c r="AD86" s="39">
        <v>3</v>
      </c>
      <c r="AE86" s="39">
        <v>0</v>
      </c>
      <c r="AF86" s="39">
        <v>20</v>
      </c>
      <c r="AG86" s="39">
        <v>22252</v>
      </c>
      <c r="AH86" s="38">
        <v>2</v>
      </c>
      <c r="AI86" s="39">
        <v>20855</v>
      </c>
      <c r="AJ86" s="36">
        <v>3</v>
      </c>
    </row>
    <row r="87" spans="1:36" s="1" customFormat="1" ht="14.1" customHeight="1" x14ac:dyDescent="0.15">
      <c r="A87" s="43">
        <v>32</v>
      </c>
      <c r="B87" s="58" t="s">
        <v>19</v>
      </c>
      <c r="C87" s="39">
        <v>39667</v>
      </c>
      <c r="D87" s="39">
        <v>21</v>
      </c>
      <c r="E87" s="39">
        <v>0</v>
      </c>
      <c r="F87" s="39">
        <v>7</v>
      </c>
      <c r="G87" s="39">
        <v>47189</v>
      </c>
      <c r="H87" s="39">
        <v>19</v>
      </c>
      <c r="I87" s="39">
        <v>39667</v>
      </c>
      <c r="J87" s="41">
        <v>21</v>
      </c>
      <c r="K87" s="39">
        <v>18295</v>
      </c>
      <c r="L87" s="39">
        <v>4</v>
      </c>
      <c r="M87" s="39">
        <v>0</v>
      </c>
      <c r="N87" s="39">
        <v>20</v>
      </c>
      <c r="O87" s="39">
        <v>19157</v>
      </c>
      <c r="P87" s="39">
        <v>2</v>
      </c>
      <c r="Q87" s="39">
        <v>18295</v>
      </c>
      <c r="R87" s="41">
        <v>4</v>
      </c>
      <c r="S87" s="43">
        <v>32</v>
      </c>
      <c r="T87" s="39" t="s">
        <v>19</v>
      </c>
      <c r="U87" s="39">
        <v>7576</v>
      </c>
      <c r="V87" s="39">
        <v>27</v>
      </c>
      <c r="W87" s="39">
        <v>0</v>
      </c>
      <c r="X87" s="39">
        <v>20</v>
      </c>
      <c r="Y87" s="39">
        <v>7462</v>
      </c>
      <c r="Z87" s="39">
        <v>26</v>
      </c>
      <c r="AA87" s="39">
        <v>7576</v>
      </c>
      <c r="AB87" s="41">
        <v>27</v>
      </c>
      <c r="AC87" s="39">
        <v>20892</v>
      </c>
      <c r="AD87" s="39">
        <v>2</v>
      </c>
      <c r="AE87" s="39">
        <v>0</v>
      </c>
      <c r="AF87" s="39">
        <v>20</v>
      </c>
      <c r="AG87" s="39">
        <v>22225</v>
      </c>
      <c r="AH87" s="38">
        <v>3</v>
      </c>
      <c r="AI87" s="39">
        <v>20892</v>
      </c>
      <c r="AJ87" s="36">
        <v>2</v>
      </c>
    </row>
    <row r="88" spans="1:36" s="1" customFormat="1" ht="14.1" customHeight="1" thickBot="1" x14ac:dyDescent="0.2">
      <c r="A88" s="56">
        <v>33</v>
      </c>
      <c r="B88" s="57" t="s">
        <v>18</v>
      </c>
      <c r="C88" s="29">
        <v>33959</v>
      </c>
      <c r="D88" s="29">
        <v>31</v>
      </c>
      <c r="E88" s="29">
        <v>0</v>
      </c>
      <c r="F88" s="29">
        <v>7</v>
      </c>
      <c r="G88" s="29">
        <v>43920</v>
      </c>
      <c r="H88" s="29">
        <v>25</v>
      </c>
      <c r="I88" s="29">
        <v>33959</v>
      </c>
      <c r="J88" s="31">
        <v>31</v>
      </c>
      <c r="K88" s="29">
        <v>17110</v>
      </c>
      <c r="L88" s="29">
        <v>14</v>
      </c>
      <c r="M88" s="95">
        <v>0</v>
      </c>
      <c r="N88" s="29">
        <v>20</v>
      </c>
      <c r="O88" s="29">
        <v>16437</v>
      </c>
      <c r="P88" s="29">
        <v>31</v>
      </c>
      <c r="Q88" s="29">
        <v>17110</v>
      </c>
      <c r="R88" s="31">
        <v>14</v>
      </c>
      <c r="S88" s="56">
        <v>33</v>
      </c>
      <c r="T88" s="29" t="s">
        <v>18</v>
      </c>
      <c r="U88" s="29">
        <v>7806</v>
      </c>
      <c r="V88" s="29">
        <v>12</v>
      </c>
      <c r="W88" s="29">
        <v>0</v>
      </c>
      <c r="X88" s="29">
        <v>20</v>
      </c>
      <c r="Y88" s="29">
        <v>7702</v>
      </c>
      <c r="Z88" s="29">
        <v>15</v>
      </c>
      <c r="AA88" s="95">
        <v>7806</v>
      </c>
      <c r="AB88" s="31">
        <v>12</v>
      </c>
      <c r="AC88" s="29">
        <v>19663</v>
      </c>
      <c r="AD88" s="29">
        <v>12</v>
      </c>
      <c r="AE88" s="29">
        <v>0</v>
      </c>
      <c r="AF88" s="29">
        <v>20</v>
      </c>
      <c r="AG88" s="29">
        <v>20064</v>
      </c>
      <c r="AH88" s="28">
        <v>19</v>
      </c>
      <c r="AI88" s="95">
        <v>19663</v>
      </c>
      <c r="AJ88" s="26">
        <v>12</v>
      </c>
    </row>
    <row r="89" spans="1:36" s="1" customFormat="1" ht="14.1" customHeight="1" thickTop="1" x14ac:dyDescent="0.15">
      <c r="A89" s="53">
        <v>301</v>
      </c>
      <c r="B89" s="45" t="s">
        <v>96</v>
      </c>
      <c r="C89" s="49">
        <v>66057</v>
      </c>
      <c r="D89" s="49">
        <v>2</v>
      </c>
      <c r="E89" s="54" t="s">
        <v>0</v>
      </c>
      <c r="F89" s="54" t="s">
        <v>87</v>
      </c>
      <c r="G89" s="49">
        <v>81062</v>
      </c>
      <c r="H89" s="49">
        <v>2</v>
      </c>
      <c r="I89" s="49">
        <v>66057</v>
      </c>
      <c r="J89" s="52">
        <v>2</v>
      </c>
      <c r="K89" s="49">
        <v>17426</v>
      </c>
      <c r="L89" s="49">
        <v>1</v>
      </c>
      <c r="M89" s="51" t="s">
        <v>87</v>
      </c>
      <c r="N89" s="50" t="s">
        <v>87</v>
      </c>
      <c r="O89" s="49">
        <v>21843</v>
      </c>
      <c r="P89" s="49">
        <v>2</v>
      </c>
      <c r="Q89" s="49">
        <v>17426</v>
      </c>
      <c r="R89" s="52">
        <v>1</v>
      </c>
      <c r="S89" s="53">
        <v>301</v>
      </c>
      <c r="T89" s="42" t="s">
        <v>96</v>
      </c>
      <c r="U89" s="49">
        <v>7646</v>
      </c>
      <c r="V89" s="49">
        <v>5</v>
      </c>
      <c r="W89" s="50" t="s">
        <v>87</v>
      </c>
      <c r="X89" s="50" t="s">
        <v>0</v>
      </c>
      <c r="Y89" s="49">
        <v>7372</v>
      </c>
      <c r="Z89" s="49">
        <v>5</v>
      </c>
      <c r="AA89" s="96">
        <v>7646</v>
      </c>
      <c r="AB89" s="52">
        <v>5</v>
      </c>
      <c r="AC89" s="49">
        <v>17810</v>
      </c>
      <c r="AD89" s="49">
        <v>1</v>
      </c>
      <c r="AE89" s="50" t="s">
        <v>86</v>
      </c>
      <c r="AF89" s="50" t="s">
        <v>86</v>
      </c>
      <c r="AG89" s="49">
        <v>23139</v>
      </c>
      <c r="AH89" s="47">
        <v>2</v>
      </c>
      <c r="AI89" s="96">
        <v>17810</v>
      </c>
      <c r="AJ89" s="36">
        <v>1</v>
      </c>
    </row>
    <row r="90" spans="1:36" s="1" customFormat="1" ht="14.1" customHeight="1" x14ac:dyDescent="0.15">
      <c r="A90" s="43">
        <v>302</v>
      </c>
      <c r="B90" s="45" t="s">
        <v>95</v>
      </c>
      <c r="C90" s="39">
        <v>65071</v>
      </c>
      <c r="D90" s="39">
        <v>3</v>
      </c>
      <c r="E90" s="44" t="s">
        <v>87</v>
      </c>
      <c r="F90" s="44" t="s">
        <v>87</v>
      </c>
      <c r="G90" s="39">
        <v>82527</v>
      </c>
      <c r="H90" s="39">
        <v>1</v>
      </c>
      <c r="I90" s="39">
        <v>65071</v>
      </c>
      <c r="J90" s="41">
        <v>3</v>
      </c>
      <c r="K90" s="39">
        <v>14554</v>
      </c>
      <c r="L90" s="39">
        <v>3</v>
      </c>
      <c r="M90" s="40" t="s">
        <v>87</v>
      </c>
      <c r="N90" s="40" t="s">
        <v>87</v>
      </c>
      <c r="O90" s="39">
        <v>22641</v>
      </c>
      <c r="P90" s="39">
        <v>1</v>
      </c>
      <c r="Q90" s="39">
        <v>14554</v>
      </c>
      <c r="R90" s="41">
        <v>3</v>
      </c>
      <c r="S90" s="43">
        <v>302</v>
      </c>
      <c r="T90" s="42" t="s">
        <v>95</v>
      </c>
      <c r="U90" s="39">
        <v>8994</v>
      </c>
      <c r="V90" s="39">
        <v>1</v>
      </c>
      <c r="W90" s="40" t="s">
        <v>87</v>
      </c>
      <c r="X90" s="40" t="s">
        <v>0</v>
      </c>
      <c r="Y90" s="39">
        <v>10705</v>
      </c>
      <c r="Z90" s="39">
        <v>1</v>
      </c>
      <c r="AA90" s="39">
        <v>8994</v>
      </c>
      <c r="AB90" s="41">
        <v>1</v>
      </c>
      <c r="AC90" s="39">
        <v>17388</v>
      </c>
      <c r="AD90" s="39">
        <v>3</v>
      </c>
      <c r="AE90" s="40" t="s">
        <v>86</v>
      </c>
      <c r="AF90" s="40" t="s">
        <v>86</v>
      </c>
      <c r="AG90" s="39">
        <v>26234</v>
      </c>
      <c r="AH90" s="38">
        <v>1</v>
      </c>
      <c r="AI90" s="39">
        <v>17388</v>
      </c>
      <c r="AJ90" s="36">
        <v>3</v>
      </c>
    </row>
    <row r="91" spans="1:36" s="1" customFormat="1" ht="14.1" customHeight="1" x14ac:dyDescent="0.15">
      <c r="A91" s="43">
        <v>303</v>
      </c>
      <c r="B91" s="45" t="s">
        <v>94</v>
      </c>
      <c r="C91" s="39">
        <v>68350</v>
      </c>
      <c r="D91" s="39">
        <v>1</v>
      </c>
      <c r="E91" s="44" t="s">
        <v>87</v>
      </c>
      <c r="F91" s="44" t="s">
        <v>87</v>
      </c>
      <c r="G91" s="39">
        <v>68162</v>
      </c>
      <c r="H91" s="39">
        <v>3</v>
      </c>
      <c r="I91" s="39">
        <v>68350</v>
      </c>
      <c r="J91" s="41">
        <v>1</v>
      </c>
      <c r="K91" s="39">
        <v>15957</v>
      </c>
      <c r="L91" s="39">
        <v>2</v>
      </c>
      <c r="M91" s="40" t="s">
        <v>87</v>
      </c>
      <c r="N91" s="40" t="s">
        <v>87</v>
      </c>
      <c r="O91" s="39">
        <v>17609</v>
      </c>
      <c r="P91" s="39">
        <v>4</v>
      </c>
      <c r="Q91" s="39">
        <v>15957</v>
      </c>
      <c r="R91" s="41">
        <v>2</v>
      </c>
      <c r="S91" s="43">
        <v>303</v>
      </c>
      <c r="T91" s="42" t="s">
        <v>94</v>
      </c>
      <c r="U91" s="39">
        <v>7859</v>
      </c>
      <c r="V91" s="39">
        <v>4</v>
      </c>
      <c r="W91" s="40" t="s">
        <v>87</v>
      </c>
      <c r="X91" s="40" t="s">
        <v>87</v>
      </c>
      <c r="Y91" s="39">
        <v>7677</v>
      </c>
      <c r="Z91" s="39">
        <v>4</v>
      </c>
      <c r="AA91" s="39">
        <v>7859</v>
      </c>
      <c r="AB91" s="41">
        <v>4</v>
      </c>
      <c r="AC91" s="39">
        <v>17695</v>
      </c>
      <c r="AD91" s="39">
        <v>2</v>
      </c>
      <c r="AE91" s="40" t="s">
        <v>86</v>
      </c>
      <c r="AF91" s="40" t="s">
        <v>86</v>
      </c>
      <c r="AG91" s="39">
        <v>19958</v>
      </c>
      <c r="AH91" s="38">
        <v>5</v>
      </c>
      <c r="AI91" s="39">
        <v>17695</v>
      </c>
      <c r="AJ91" s="36">
        <v>2</v>
      </c>
    </row>
    <row r="92" spans="1:36" s="1" customFormat="1" ht="14.1" customHeight="1" x14ac:dyDescent="0.15">
      <c r="A92" s="43">
        <v>304</v>
      </c>
      <c r="B92" s="45" t="s">
        <v>12</v>
      </c>
      <c r="C92" s="39">
        <v>50454</v>
      </c>
      <c r="D92" s="39">
        <v>6</v>
      </c>
      <c r="E92" s="44" t="s">
        <v>87</v>
      </c>
      <c r="F92" s="44" t="s">
        <v>87</v>
      </c>
      <c r="G92" s="39">
        <v>52050</v>
      </c>
      <c r="H92" s="39">
        <v>6</v>
      </c>
      <c r="I92" s="39">
        <v>50454</v>
      </c>
      <c r="J92" s="41">
        <v>6</v>
      </c>
      <c r="K92" s="39">
        <v>12651</v>
      </c>
      <c r="L92" s="39">
        <v>6</v>
      </c>
      <c r="M92" s="40" t="s">
        <v>87</v>
      </c>
      <c r="N92" s="40" t="s">
        <v>87</v>
      </c>
      <c r="O92" s="39">
        <v>16013</v>
      </c>
      <c r="P92" s="39">
        <v>6</v>
      </c>
      <c r="Q92" s="39">
        <v>12651</v>
      </c>
      <c r="R92" s="41">
        <v>6</v>
      </c>
      <c r="S92" s="43">
        <v>304</v>
      </c>
      <c r="T92" s="42" t="s">
        <v>93</v>
      </c>
      <c r="U92" s="39">
        <v>7575</v>
      </c>
      <c r="V92" s="39">
        <v>6</v>
      </c>
      <c r="W92" s="40" t="s">
        <v>87</v>
      </c>
      <c r="X92" s="40" t="s">
        <v>87</v>
      </c>
      <c r="Y92" s="39">
        <v>6982</v>
      </c>
      <c r="Z92" s="39">
        <v>6</v>
      </c>
      <c r="AA92" s="39">
        <v>7575</v>
      </c>
      <c r="AB92" s="41">
        <v>6</v>
      </c>
      <c r="AC92" s="39">
        <v>14035</v>
      </c>
      <c r="AD92" s="39">
        <v>6</v>
      </c>
      <c r="AE92" s="40" t="s">
        <v>86</v>
      </c>
      <c r="AF92" s="40" t="s">
        <v>86</v>
      </c>
      <c r="AG92" s="39">
        <v>18210</v>
      </c>
      <c r="AH92" s="38">
        <v>6</v>
      </c>
      <c r="AI92" s="39">
        <v>14035</v>
      </c>
      <c r="AJ92" s="36">
        <v>6</v>
      </c>
    </row>
    <row r="93" spans="1:36" s="1" customFormat="1" ht="14.1" customHeight="1" x14ac:dyDescent="0.15">
      <c r="A93" s="43">
        <v>305</v>
      </c>
      <c r="B93" s="45" t="s">
        <v>11</v>
      </c>
      <c r="C93" s="39">
        <v>57398</v>
      </c>
      <c r="D93" s="39">
        <v>5</v>
      </c>
      <c r="E93" s="44" t="s">
        <v>0</v>
      </c>
      <c r="F93" s="44" t="s">
        <v>87</v>
      </c>
      <c r="G93" s="39">
        <v>56632</v>
      </c>
      <c r="H93" s="39">
        <v>5</v>
      </c>
      <c r="I93" s="39">
        <v>57398</v>
      </c>
      <c r="J93" s="41">
        <v>5</v>
      </c>
      <c r="K93" s="39">
        <v>14394</v>
      </c>
      <c r="L93" s="39">
        <v>5</v>
      </c>
      <c r="M93" s="40" t="s">
        <v>87</v>
      </c>
      <c r="N93" s="40" t="s">
        <v>0</v>
      </c>
      <c r="O93" s="39">
        <v>16953</v>
      </c>
      <c r="P93" s="39">
        <v>5</v>
      </c>
      <c r="Q93" s="39">
        <v>14394</v>
      </c>
      <c r="R93" s="41">
        <v>5</v>
      </c>
      <c r="S93" s="43">
        <v>305</v>
      </c>
      <c r="T93" s="42" t="s">
        <v>92</v>
      </c>
      <c r="U93" s="39">
        <v>7964</v>
      </c>
      <c r="V93" s="39">
        <v>2</v>
      </c>
      <c r="W93" s="40" t="s">
        <v>87</v>
      </c>
      <c r="X93" s="40" t="s">
        <v>0</v>
      </c>
      <c r="Y93" s="39">
        <v>7681</v>
      </c>
      <c r="Z93" s="39">
        <v>3</v>
      </c>
      <c r="AA93" s="39">
        <v>7964</v>
      </c>
      <c r="AB93" s="41">
        <v>2</v>
      </c>
      <c r="AC93" s="39">
        <v>16477</v>
      </c>
      <c r="AD93" s="39">
        <v>5</v>
      </c>
      <c r="AE93" s="40" t="s">
        <v>86</v>
      </c>
      <c r="AF93" s="40" t="s">
        <v>86</v>
      </c>
      <c r="AG93" s="39">
        <v>20287</v>
      </c>
      <c r="AH93" s="38">
        <v>4</v>
      </c>
      <c r="AI93" s="39">
        <v>16477</v>
      </c>
      <c r="AJ93" s="36">
        <v>5</v>
      </c>
    </row>
    <row r="94" spans="1:36" s="1" customFormat="1" ht="14.1" customHeight="1" thickBot="1" x14ac:dyDescent="0.2">
      <c r="A94" s="33">
        <v>306</v>
      </c>
      <c r="B94" s="35" t="s">
        <v>10</v>
      </c>
      <c r="C94" s="29">
        <v>63534</v>
      </c>
      <c r="D94" s="29">
        <v>4</v>
      </c>
      <c r="E94" s="34" t="s">
        <v>87</v>
      </c>
      <c r="F94" s="34" t="s">
        <v>87</v>
      </c>
      <c r="G94" s="29">
        <v>58885</v>
      </c>
      <c r="H94" s="29">
        <v>4</v>
      </c>
      <c r="I94" s="95">
        <v>63534</v>
      </c>
      <c r="J94" s="31">
        <v>4</v>
      </c>
      <c r="K94" s="29">
        <v>14493</v>
      </c>
      <c r="L94" s="29">
        <v>4</v>
      </c>
      <c r="M94" s="30" t="s">
        <v>87</v>
      </c>
      <c r="N94" s="30" t="s">
        <v>87</v>
      </c>
      <c r="O94" s="29">
        <v>17844</v>
      </c>
      <c r="P94" s="29">
        <v>3</v>
      </c>
      <c r="Q94" s="95">
        <v>14493</v>
      </c>
      <c r="R94" s="31">
        <v>4</v>
      </c>
      <c r="S94" s="33">
        <v>306</v>
      </c>
      <c r="T94" s="32" t="s">
        <v>91</v>
      </c>
      <c r="U94" s="29">
        <v>7919</v>
      </c>
      <c r="V94" s="29">
        <v>3</v>
      </c>
      <c r="W94" s="30" t="s">
        <v>87</v>
      </c>
      <c r="X94" s="30" t="s">
        <v>87</v>
      </c>
      <c r="Y94" s="29">
        <v>8037</v>
      </c>
      <c r="Z94" s="29">
        <v>2</v>
      </c>
      <c r="AA94" s="29">
        <v>7919</v>
      </c>
      <c r="AB94" s="31">
        <v>3</v>
      </c>
      <c r="AC94" s="29">
        <v>16905</v>
      </c>
      <c r="AD94" s="29">
        <v>4</v>
      </c>
      <c r="AE94" s="30" t="s">
        <v>86</v>
      </c>
      <c r="AF94" s="30" t="s">
        <v>86</v>
      </c>
      <c r="AG94" s="29">
        <v>21786</v>
      </c>
      <c r="AH94" s="28">
        <v>3</v>
      </c>
      <c r="AI94" s="95">
        <v>16905</v>
      </c>
      <c r="AJ94" s="26">
        <v>4</v>
      </c>
    </row>
    <row r="95" spans="1:36" s="1" customFormat="1" ht="14.1" customHeight="1" thickTop="1" thickBot="1" x14ac:dyDescent="0.2">
      <c r="A95" s="25" t="s">
        <v>90</v>
      </c>
      <c r="B95" s="20"/>
      <c r="C95" s="29">
        <v>43024</v>
      </c>
      <c r="D95" s="19" t="s">
        <v>87</v>
      </c>
      <c r="E95" s="94">
        <v>31178</v>
      </c>
      <c r="F95" s="19" t="s">
        <v>0</v>
      </c>
      <c r="G95" s="29">
        <v>50328</v>
      </c>
      <c r="H95" s="19" t="s">
        <v>87</v>
      </c>
      <c r="I95" s="91">
        <v>43023</v>
      </c>
      <c r="J95" s="22" t="s">
        <v>0</v>
      </c>
      <c r="K95" s="29">
        <v>16455</v>
      </c>
      <c r="L95" s="17" t="s">
        <v>0</v>
      </c>
      <c r="M95" s="94">
        <v>12648</v>
      </c>
      <c r="N95" s="17" t="s">
        <v>87</v>
      </c>
      <c r="O95" s="29">
        <v>16808</v>
      </c>
      <c r="P95" s="17" t="s">
        <v>87</v>
      </c>
      <c r="Q95" s="92">
        <v>16455</v>
      </c>
      <c r="R95" s="15" t="s">
        <v>87</v>
      </c>
      <c r="S95" s="25" t="s">
        <v>90</v>
      </c>
      <c r="T95" s="20"/>
      <c r="U95" s="29">
        <v>7807</v>
      </c>
      <c r="V95" s="17" t="s">
        <v>87</v>
      </c>
      <c r="W95" s="94">
        <v>7238</v>
      </c>
      <c r="X95" s="17" t="s">
        <v>87</v>
      </c>
      <c r="Y95" s="29">
        <v>7724</v>
      </c>
      <c r="Z95" s="17" t="s">
        <v>87</v>
      </c>
      <c r="AA95" s="94">
        <v>7807</v>
      </c>
      <c r="AB95" s="15" t="s">
        <v>87</v>
      </c>
      <c r="AC95" s="29">
        <v>19011</v>
      </c>
      <c r="AD95" s="17" t="s">
        <v>86</v>
      </c>
      <c r="AE95" s="94">
        <v>20632</v>
      </c>
      <c r="AF95" s="17" t="s">
        <v>86</v>
      </c>
      <c r="AG95" s="29">
        <v>20071</v>
      </c>
      <c r="AH95" s="17" t="s">
        <v>86</v>
      </c>
      <c r="AI95" s="92">
        <v>19011</v>
      </c>
      <c r="AJ95" s="15" t="s">
        <v>86</v>
      </c>
    </row>
    <row r="96" spans="1:36" s="1" customFormat="1" ht="14.1" customHeight="1" thickTop="1" thickBot="1" x14ac:dyDescent="0.2">
      <c r="A96" s="21" t="s">
        <v>7</v>
      </c>
      <c r="B96" s="20"/>
      <c r="C96" s="29">
        <v>39975</v>
      </c>
      <c r="D96" s="19" t="s">
        <v>87</v>
      </c>
      <c r="E96" s="29">
        <v>148573</v>
      </c>
      <c r="F96" s="19" t="s">
        <v>87</v>
      </c>
      <c r="G96" s="29">
        <v>46153</v>
      </c>
      <c r="H96" s="19" t="s">
        <v>87</v>
      </c>
      <c r="I96" s="91">
        <v>39978</v>
      </c>
      <c r="J96" s="22" t="s">
        <v>87</v>
      </c>
      <c r="K96" s="29">
        <v>17504</v>
      </c>
      <c r="L96" s="17" t="s">
        <v>87</v>
      </c>
      <c r="M96" s="29">
        <v>19581</v>
      </c>
      <c r="N96" s="17" t="s">
        <v>87</v>
      </c>
      <c r="O96" s="29">
        <v>17801</v>
      </c>
      <c r="P96" s="17" t="s">
        <v>87</v>
      </c>
      <c r="Q96" s="93">
        <v>17504</v>
      </c>
      <c r="R96" s="15" t="s">
        <v>87</v>
      </c>
      <c r="S96" s="21" t="s">
        <v>7</v>
      </c>
      <c r="T96" s="20"/>
      <c r="U96" s="29">
        <v>7695</v>
      </c>
      <c r="V96" s="17" t="s">
        <v>87</v>
      </c>
      <c r="W96" s="29">
        <v>6348</v>
      </c>
      <c r="X96" s="17" t="s">
        <v>87</v>
      </c>
      <c r="Y96" s="29">
        <v>7662</v>
      </c>
      <c r="Z96" s="17" t="s">
        <v>87</v>
      </c>
      <c r="AA96" s="93">
        <v>7695</v>
      </c>
      <c r="AB96" s="15" t="s">
        <v>87</v>
      </c>
      <c r="AC96" s="29">
        <v>19907</v>
      </c>
      <c r="AD96" s="17" t="s">
        <v>86</v>
      </c>
      <c r="AE96" s="29">
        <v>21294</v>
      </c>
      <c r="AF96" s="17" t="s">
        <v>86</v>
      </c>
      <c r="AG96" s="29">
        <v>20828</v>
      </c>
      <c r="AH96" s="17" t="s">
        <v>86</v>
      </c>
      <c r="AI96" s="93">
        <v>19907</v>
      </c>
      <c r="AJ96" s="15" t="s">
        <v>86</v>
      </c>
    </row>
    <row r="97" spans="1:36" s="1" customFormat="1" ht="14.1" customHeight="1" thickTop="1" thickBot="1" x14ac:dyDescent="0.2">
      <c r="A97" s="21" t="s">
        <v>6</v>
      </c>
      <c r="B97" s="20"/>
      <c r="C97" s="29">
        <v>42886</v>
      </c>
      <c r="D97" s="19" t="s">
        <v>87</v>
      </c>
      <c r="E97" s="29">
        <v>32971</v>
      </c>
      <c r="F97" s="19" t="s">
        <v>87</v>
      </c>
      <c r="G97" s="29">
        <v>50133</v>
      </c>
      <c r="H97" s="19" t="s">
        <v>0</v>
      </c>
      <c r="I97" s="92">
        <v>42886</v>
      </c>
      <c r="J97" s="22" t="s">
        <v>87</v>
      </c>
      <c r="K97" s="29">
        <v>16494</v>
      </c>
      <c r="L97" s="17" t="s">
        <v>87</v>
      </c>
      <c r="M97" s="29">
        <v>14219</v>
      </c>
      <c r="N97" s="17" t="s">
        <v>87</v>
      </c>
      <c r="O97" s="29">
        <v>16847</v>
      </c>
      <c r="P97" s="17" t="s">
        <v>0</v>
      </c>
      <c r="Q97" s="92">
        <v>16494</v>
      </c>
      <c r="R97" s="15" t="s">
        <v>87</v>
      </c>
      <c r="S97" s="21" t="s">
        <v>6</v>
      </c>
      <c r="T97" s="20"/>
      <c r="U97" s="29">
        <v>7803</v>
      </c>
      <c r="V97" s="17" t="s">
        <v>87</v>
      </c>
      <c r="W97" s="29">
        <v>7077</v>
      </c>
      <c r="X97" s="17" t="s">
        <v>0</v>
      </c>
      <c r="Y97" s="29">
        <v>7721</v>
      </c>
      <c r="Z97" s="17" t="s">
        <v>87</v>
      </c>
      <c r="AA97" s="92">
        <v>7803</v>
      </c>
      <c r="AB97" s="15" t="s">
        <v>87</v>
      </c>
      <c r="AC97" s="29">
        <v>19045</v>
      </c>
      <c r="AD97" s="17" t="s">
        <v>86</v>
      </c>
      <c r="AE97" s="29">
        <v>20726</v>
      </c>
      <c r="AF97" s="17" t="s">
        <v>86</v>
      </c>
      <c r="AG97" s="29">
        <v>20101</v>
      </c>
      <c r="AH97" s="17" t="s">
        <v>86</v>
      </c>
      <c r="AI97" s="91">
        <v>19045</v>
      </c>
      <c r="AJ97" s="15" t="s">
        <v>86</v>
      </c>
    </row>
    <row r="98" spans="1:36" s="1" customFormat="1" ht="14.1" customHeight="1" thickTop="1" thickBot="1" x14ac:dyDescent="0.2">
      <c r="A98" s="21" t="s">
        <v>89</v>
      </c>
      <c r="B98" s="20"/>
      <c r="C98" s="29">
        <v>63637</v>
      </c>
      <c r="D98" s="19" t="s">
        <v>87</v>
      </c>
      <c r="E98" s="19" t="s">
        <v>87</v>
      </c>
      <c r="F98" s="19" t="s">
        <v>87</v>
      </c>
      <c r="G98" s="29">
        <v>62102</v>
      </c>
      <c r="H98" s="19" t="s">
        <v>87</v>
      </c>
      <c r="I98" s="92">
        <v>63637</v>
      </c>
      <c r="J98" s="22" t="s">
        <v>87</v>
      </c>
      <c r="K98" s="29">
        <v>14868</v>
      </c>
      <c r="L98" s="17" t="s">
        <v>87</v>
      </c>
      <c r="M98" s="17" t="s">
        <v>87</v>
      </c>
      <c r="N98" s="17" t="s">
        <v>87</v>
      </c>
      <c r="O98" s="29">
        <v>18390</v>
      </c>
      <c r="P98" s="17" t="s">
        <v>87</v>
      </c>
      <c r="Q98" s="92">
        <v>14868</v>
      </c>
      <c r="R98" s="15" t="s">
        <v>87</v>
      </c>
      <c r="S98" s="21" t="s">
        <v>89</v>
      </c>
      <c r="T98" s="20"/>
      <c r="U98" s="29">
        <v>7925</v>
      </c>
      <c r="V98" s="17" t="s">
        <v>87</v>
      </c>
      <c r="W98" s="17" t="s">
        <v>87</v>
      </c>
      <c r="X98" s="17" t="s">
        <v>87</v>
      </c>
      <c r="Y98" s="29">
        <v>7916</v>
      </c>
      <c r="Z98" s="17" t="s">
        <v>87</v>
      </c>
      <c r="AA98" s="92">
        <v>7925</v>
      </c>
      <c r="AB98" s="15" t="s">
        <v>87</v>
      </c>
      <c r="AC98" s="29">
        <v>17012</v>
      </c>
      <c r="AD98" s="17" t="s">
        <v>86</v>
      </c>
      <c r="AE98" s="17" t="s">
        <v>86</v>
      </c>
      <c r="AF98" s="17" t="s">
        <v>86</v>
      </c>
      <c r="AG98" s="29">
        <v>21712</v>
      </c>
      <c r="AH98" s="17" t="s">
        <v>86</v>
      </c>
      <c r="AI98" s="91">
        <v>17012</v>
      </c>
      <c r="AJ98" s="15" t="s">
        <v>86</v>
      </c>
    </row>
    <row r="99" spans="1:36" s="1" customFormat="1" ht="14.1" customHeight="1" thickTop="1" thickBot="1" x14ac:dyDescent="0.2">
      <c r="A99" s="13" t="s">
        <v>88</v>
      </c>
      <c r="B99" s="12"/>
      <c r="C99" s="90">
        <v>43330</v>
      </c>
      <c r="D99" s="10" t="s">
        <v>87</v>
      </c>
      <c r="E99" s="90">
        <v>32971</v>
      </c>
      <c r="F99" s="10" t="s">
        <v>87</v>
      </c>
      <c r="G99" s="90">
        <v>50309</v>
      </c>
      <c r="H99" s="10" t="s">
        <v>0</v>
      </c>
      <c r="I99" s="90">
        <v>43329</v>
      </c>
      <c r="J99" s="14" t="s">
        <v>87</v>
      </c>
      <c r="K99" s="90">
        <v>16419</v>
      </c>
      <c r="L99" s="8" t="s">
        <v>87</v>
      </c>
      <c r="M99" s="90">
        <v>14219</v>
      </c>
      <c r="N99" s="8" t="s">
        <v>87</v>
      </c>
      <c r="O99" s="90">
        <v>16876</v>
      </c>
      <c r="P99" s="8" t="s">
        <v>87</v>
      </c>
      <c r="Q99" s="90">
        <v>16419</v>
      </c>
      <c r="R99" s="6" t="s">
        <v>87</v>
      </c>
      <c r="S99" s="13" t="s">
        <v>88</v>
      </c>
      <c r="T99" s="12"/>
      <c r="U99" s="90">
        <v>7809</v>
      </c>
      <c r="V99" s="8" t="s">
        <v>87</v>
      </c>
      <c r="W99" s="90">
        <v>7077</v>
      </c>
      <c r="X99" s="8" t="s">
        <v>87</v>
      </c>
      <c r="Y99" s="90">
        <v>7725</v>
      </c>
      <c r="Z99" s="8" t="s">
        <v>87</v>
      </c>
      <c r="AA99" s="90">
        <v>7809</v>
      </c>
      <c r="AB99" s="6" t="s">
        <v>87</v>
      </c>
      <c r="AC99" s="90">
        <v>18957</v>
      </c>
      <c r="AD99" s="8" t="s">
        <v>86</v>
      </c>
      <c r="AE99" s="90">
        <v>20726</v>
      </c>
      <c r="AF99" s="8" t="s">
        <v>86</v>
      </c>
      <c r="AG99" s="90">
        <v>20131</v>
      </c>
      <c r="AH99" s="8" t="s">
        <v>86</v>
      </c>
      <c r="AI99" s="90">
        <v>18958</v>
      </c>
      <c r="AJ99" s="6" t="s">
        <v>86</v>
      </c>
    </row>
    <row r="100" spans="1:36" s="1" customFormat="1" ht="14.1" customHeight="1" x14ac:dyDescent="0.15">
      <c r="A100" s="89" t="s">
        <v>85</v>
      </c>
      <c r="B100" s="89"/>
      <c r="C100" s="89"/>
      <c r="D100" s="89"/>
      <c r="E100" s="89"/>
      <c r="F100" s="89"/>
      <c r="G100" s="89"/>
      <c r="H100" s="89"/>
      <c r="I100" s="89"/>
      <c r="J100" s="89"/>
      <c r="K100" s="89"/>
      <c r="L100" s="89"/>
      <c r="M100" s="89"/>
      <c r="N100" s="89"/>
      <c r="O100" s="89"/>
      <c r="P100" s="89"/>
      <c r="Q100" s="89"/>
      <c r="R100" s="89"/>
      <c r="S100" s="89" t="s">
        <v>85</v>
      </c>
      <c r="T100" s="89"/>
      <c r="U100" s="89"/>
      <c r="V100" s="89"/>
      <c r="W100" s="89"/>
      <c r="X100" s="89"/>
      <c r="Y100" s="89"/>
      <c r="Z100" s="89"/>
      <c r="AA100" s="89"/>
      <c r="AB100" s="89"/>
      <c r="AC100" s="89"/>
      <c r="AD100" s="89"/>
      <c r="AE100" s="89"/>
      <c r="AF100" s="89"/>
      <c r="AG100" s="89"/>
      <c r="AH100" s="89"/>
      <c r="AI100" s="89"/>
      <c r="AJ100" s="89"/>
    </row>
    <row r="101" spans="1:36" s="2" customFormat="1" ht="21" customHeight="1" x14ac:dyDescent="0.2">
      <c r="A101" s="83" t="s">
        <v>84</v>
      </c>
      <c r="C101" s="81"/>
      <c r="D101" s="81"/>
      <c r="E101" s="81"/>
      <c r="F101" s="81"/>
      <c r="G101" s="81"/>
      <c r="H101" s="81"/>
      <c r="I101" s="88"/>
      <c r="J101" s="81"/>
      <c r="K101" s="87"/>
      <c r="L101" s="81"/>
      <c r="M101" s="81"/>
      <c r="N101" s="81"/>
      <c r="O101" s="81"/>
      <c r="P101" s="81"/>
      <c r="Q101" s="81"/>
      <c r="R101" s="81"/>
      <c r="S101" s="83" t="s">
        <v>83</v>
      </c>
      <c r="T101" s="81"/>
      <c r="U101" s="81"/>
      <c r="V101" s="81"/>
      <c r="W101" s="81"/>
      <c r="X101" s="81"/>
      <c r="Y101" s="81"/>
      <c r="Z101" s="81"/>
      <c r="AA101" s="81"/>
      <c r="AB101" s="81"/>
      <c r="AC101" s="81"/>
      <c r="AD101" s="81"/>
      <c r="AE101" s="81"/>
      <c r="AF101" s="81"/>
      <c r="AG101" s="81"/>
      <c r="AH101" s="81"/>
      <c r="AI101" s="81"/>
      <c r="AJ101" s="81"/>
    </row>
    <row r="102" spans="1:36" s="2" customFormat="1" ht="7.5" customHeight="1" thickBot="1" x14ac:dyDescent="0.25">
      <c r="A102" s="82"/>
      <c r="C102" s="81"/>
      <c r="D102" s="81"/>
      <c r="E102" s="81"/>
      <c r="F102" s="81"/>
      <c r="G102" s="81"/>
      <c r="H102" s="81"/>
      <c r="I102" s="81"/>
      <c r="J102" s="81"/>
      <c r="K102" s="81"/>
      <c r="L102" s="81"/>
      <c r="M102" s="81"/>
      <c r="N102" s="81"/>
      <c r="O102" s="81"/>
      <c r="P102" s="81"/>
      <c r="Q102" s="81"/>
      <c r="R102" s="81"/>
      <c r="S102" s="81"/>
      <c r="T102" s="81"/>
      <c r="U102" s="81"/>
      <c r="V102" s="81"/>
      <c r="W102" s="81"/>
      <c r="X102" s="81"/>
      <c r="Y102" s="81"/>
      <c r="Z102" s="81"/>
      <c r="AA102" s="81"/>
      <c r="AB102" s="81"/>
      <c r="AC102" s="81"/>
      <c r="AD102" s="81"/>
      <c r="AE102" s="81"/>
      <c r="AF102" s="81"/>
      <c r="AG102" s="81"/>
      <c r="AH102" s="81"/>
      <c r="AI102" s="81"/>
      <c r="AJ102" s="79"/>
    </row>
    <row r="103" spans="1:36" s="1" customFormat="1" ht="10.8" x14ac:dyDescent="0.15">
      <c r="A103" s="76" t="s">
        <v>60</v>
      </c>
      <c r="B103" s="78"/>
      <c r="C103" s="74" t="s">
        <v>62</v>
      </c>
      <c r="D103" s="73"/>
      <c r="E103" s="73"/>
      <c r="F103" s="73"/>
      <c r="G103" s="73"/>
      <c r="H103" s="73"/>
      <c r="I103" s="73"/>
      <c r="J103" s="73"/>
      <c r="K103" s="77" t="s">
        <v>61</v>
      </c>
      <c r="L103" s="73"/>
      <c r="M103" s="73"/>
      <c r="N103" s="73"/>
      <c r="O103" s="73"/>
      <c r="P103" s="73"/>
      <c r="Q103" s="73"/>
      <c r="R103" s="72"/>
      <c r="S103" s="76" t="s">
        <v>60</v>
      </c>
      <c r="T103" s="78"/>
      <c r="U103" s="74" t="s">
        <v>59</v>
      </c>
      <c r="V103" s="73"/>
      <c r="W103" s="73"/>
      <c r="X103" s="73"/>
      <c r="Y103" s="73"/>
      <c r="Z103" s="73"/>
      <c r="AA103" s="73"/>
      <c r="AB103" s="72"/>
      <c r="AC103" s="73" t="s">
        <v>82</v>
      </c>
      <c r="AD103" s="73"/>
      <c r="AE103" s="73"/>
      <c r="AF103" s="73"/>
      <c r="AG103" s="73"/>
      <c r="AH103" s="73"/>
      <c r="AI103" s="73"/>
      <c r="AJ103" s="72"/>
    </row>
    <row r="104" spans="1:36" s="1" customFormat="1" ht="10.5" customHeight="1" x14ac:dyDescent="0.15">
      <c r="A104" s="70"/>
      <c r="B104" s="71"/>
      <c r="C104" s="67" t="s">
        <v>56</v>
      </c>
      <c r="D104" s="68"/>
      <c r="E104" s="67" t="s">
        <v>55</v>
      </c>
      <c r="F104" s="68"/>
      <c r="G104" s="67" t="s">
        <v>54</v>
      </c>
      <c r="H104" s="68"/>
      <c r="I104" s="67" t="s">
        <v>53</v>
      </c>
      <c r="J104" s="66"/>
      <c r="K104" s="67" t="s">
        <v>56</v>
      </c>
      <c r="L104" s="68"/>
      <c r="M104" s="67" t="s">
        <v>57</v>
      </c>
      <c r="N104" s="68"/>
      <c r="O104" s="67" t="s">
        <v>54</v>
      </c>
      <c r="P104" s="68"/>
      <c r="Q104" s="67" t="s">
        <v>53</v>
      </c>
      <c r="R104" s="66"/>
      <c r="S104" s="70"/>
      <c r="T104" s="71"/>
      <c r="U104" s="67" t="s">
        <v>56</v>
      </c>
      <c r="V104" s="68"/>
      <c r="W104" s="67" t="s">
        <v>55</v>
      </c>
      <c r="X104" s="68"/>
      <c r="Y104" s="67" t="s">
        <v>54</v>
      </c>
      <c r="Z104" s="68"/>
      <c r="AA104" s="67" t="s">
        <v>53</v>
      </c>
      <c r="AB104" s="66"/>
      <c r="AC104" s="67" t="s">
        <v>56</v>
      </c>
      <c r="AD104" s="68"/>
      <c r="AE104" s="67" t="s">
        <v>55</v>
      </c>
      <c r="AF104" s="68"/>
      <c r="AG104" s="67" t="s">
        <v>54</v>
      </c>
      <c r="AH104" s="68"/>
      <c r="AI104" s="67" t="s">
        <v>53</v>
      </c>
      <c r="AJ104" s="66"/>
    </row>
    <row r="105" spans="1:36" s="1" customFormat="1" ht="10.5" customHeight="1" thickBot="1" x14ac:dyDescent="0.2">
      <c r="A105" s="64"/>
      <c r="B105" s="65"/>
      <c r="C105" s="30" t="s">
        <v>81</v>
      </c>
      <c r="D105" s="61" t="s">
        <v>51</v>
      </c>
      <c r="E105" s="30" t="s">
        <v>81</v>
      </c>
      <c r="F105" s="62" t="s">
        <v>51</v>
      </c>
      <c r="G105" s="30" t="s">
        <v>81</v>
      </c>
      <c r="H105" s="61" t="s">
        <v>51</v>
      </c>
      <c r="I105" s="30" t="s">
        <v>81</v>
      </c>
      <c r="J105" s="60" t="s">
        <v>51</v>
      </c>
      <c r="K105" s="30" t="s">
        <v>81</v>
      </c>
      <c r="L105" s="61" t="s">
        <v>51</v>
      </c>
      <c r="M105" s="30" t="s">
        <v>81</v>
      </c>
      <c r="N105" s="62" t="s">
        <v>51</v>
      </c>
      <c r="O105" s="30" t="s">
        <v>81</v>
      </c>
      <c r="P105" s="61" t="s">
        <v>51</v>
      </c>
      <c r="Q105" s="30" t="s">
        <v>81</v>
      </c>
      <c r="R105" s="60" t="s">
        <v>51</v>
      </c>
      <c r="S105" s="64"/>
      <c r="T105" s="65"/>
      <c r="U105" s="30" t="s">
        <v>81</v>
      </c>
      <c r="V105" s="61" t="s">
        <v>51</v>
      </c>
      <c r="W105" s="30" t="s">
        <v>81</v>
      </c>
      <c r="X105" s="62" t="s">
        <v>51</v>
      </c>
      <c r="Y105" s="30" t="s">
        <v>81</v>
      </c>
      <c r="Z105" s="61" t="s">
        <v>51</v>
      </c>
      <c r="AA105" s="30" t="s">
        <v>81</v>
      </c>
      <c r="AB105" s="60" t="s">
        <v>51</v>
      </c>
      <c r="AC105" s="30" t="s">
        <v>81</v>
      </c>
      <c r="AD105" s="61" t="s">
        <v>51</v>
      </c>
      <c r="AE105" s="30" t="s">
        <v>81</v>
      </c>
      <c r="AF105" s="62" t="s">
        <v>51</v>
      </c>
      <c r="AG105" s="30" t="s">
        <v>81</v>
      </c>
      <c r="AH105" s="61" t="s">
        <v>51</v>
      </c>
      <c r="AI105" s="30" t="s">
        <v>81</v>
      </c>
      <c r="AJ105" s="60" t="s">
        <v>51</v>
      </c>
    </row>
    <row r="106" spans="1:36" s="1" customFormat="1" ht="14.1" customHeight="1" thickTop="1" x14ac:dyDescent="0.15">
      <c r="A106" s="86">
        <v>1</v>
      </c>
      <c r="B106" s="58" t="s">
        <v>50</v>
      </c>
      <c r="C106" s="37">
        <v>14.29</v>
      </c>
      <c r="D106" s="39">
        <v>26</v>
      </c>
      <c r="E106" s="37">
        <v>30.417000000000002</v>
      </c>
      <c r="F106" s="39">
        <v>1</v>
      </c>
      <c r="G106" s="37">
        <v>12.77</v>
      </c>
      <c r="H106" s="39">
        <v>28</v>
      </c>
      <c r="I106" s="37">
        <v>14.292</v>
      </c>
      <c r="J106" s="41">
        <v>26</v>
      </c>
      <c r="K106" s="37">
        <v>1.526</v>
      </c>
      <c r="L106" s="39">
        <v>5</v>
      </c>
      <c r="M106" s="37">
        <v>2.8540000000000001</v>
      </c>
      <c r="N106" s="39">
        <v>1</v>
      </c>
      <c r="O106" s="37">
        <v>1.542</v>
      </c>
      <c r="P106" s="39">
        <v>5</v>
      </c>
      <c r="Q106" s="37">
        <v>1.526</v>
      </c>
      <c r="R106" s="41">
        <v>5</v>
      </c>
      <c r="S106" s="53">
        <v>1</v>
      </c>
      <c r="T106" s="39" t="s">
        <v>50</v>
      </c>
      <c r="U106" s="37">
        <v>1.7749999999999999</v>
      </c>
      <c r="V106" s="39">
        <v>21</v>
      </c>
      <c r="W106" s="37">
        <v>3.0830000000000002</v>
      </c>
      <c r="X106" s="39">
        <v>1</v>
      </c>
      <c r="Y106" s="37">
        <v>1.7809999999999999</v>
      </c>
      <c r="Z106" s="39">
        <v>24</v>
      </c>
      <c r="AA106" s="37">
        <v>1.7749999999999999</v>
      </c>
      <c r="AB106" s="41">
        <v>21</v>
      </c>
      <c r="AC106" s="37">
        <v>1.8160000000000001</v>
      </c>
      <c r="AD106" s="39">
        <v>16</v>
      </c>
      <c r="AE106" s="37">
        <v>7.9850000000000003</v>
      </c>
      <c r="AF106" s="39">
        <v>1</v>
      </c>
      <c r="AG106" s="37">
        <v>1.7969999999999999</v>
      </c>
      <c r="AH106" s="38">
        <v>15</v>
      </c>
      <c r="AI106" s="37">
        <v>1.8160000000000001</v>
      </c>
      <c r="AJ106" s="36">
        <v>16</v>
      </c>
    </row>
    <row r="107" spans="1:36" s="1" customFormat="1" ht="14.1" customHeight="1" x14ac:dyDescent="0.15">
      <c r="A107" s="43">
        <v>2</v>
      </c>
      <c r="B107" s="58" t="s">
        <v>49</v>
      </c>
      <c r="C107" s="37">
        <v>14.053000000000001</v>
      </c>
      <c r="D107" s="39">
        <v>27</v>
      </c>
      <c r="E107" s="37">
        <v>5</v>
      </c>
      <c r="F107" s="39">
        <v>3</v>
      </c>
      <c r="G107" s="37">
        <v>13.118</v>
      </c>
      <c r="H107" s="39">
        <v>26</v>
      </c>
      <c r="I107" s="37">
        <v>14.054</v>
      </c>
      <c r="J107" s="41">
        <v>27</v>
      </c>
      <c r="K107" s="37">
        <v>1.542</v>
      </c>
      <c r="L107" s="39">
        <v>1</v>
      </c>
      <c r="M107" s="37">
        <v>1.423</v>
      </c>
      <c r="N107" s="39">
        <v>7</v>
      </c>
      <c r="O107" s="37">
        <v>1.58</v>
      </c>
      <c r="P107" s="39">
        <v>1</v>
      </c>
      <c r="Q107" s="37">
        <v>1.542</v>
      </c>
      <c r="R107" s="41">
        <v>1</v>
      </c>
      <c r="S107" s="43">
        <v>2</v>
      </c>
      <c r="T107" s="39" t="s">
        <v>49</v>
      </c>
      <c r="U107" s="37">
        <v>1.776</v>
      </c>
      <c r="V107" s="39">
        <v>20</v>
      </c>
      <c r="W107" s="37">
        <v>2.4</v>
      </c>
      <c r="X107" s="39">
        <v>5</v>
      </c>
      <c r="Y107" s="37">
        <v>1.784</v>
      </c>
      <c r="Z107" s="39">
        <v>23</v>
      </c>
      <c r="AA107" s="37">
        <v>1.776</v>
      </c>
      <c r="AB107" s="41">
        <v>20</v>
      </c>
      <c r="AC107" s="37">
        <v>1.839</v>
      </c>
      <c r="AD107" s="39">
        <v>13</v>
      </c>
      <c r="AE107" s="37">
        <v>1.5</v>
      </c>
      <c r="AF107" s="39">
        <v>11</v>
      </c>
      <c r="AG107" s="37">
        <v>1.865</v>
      </c>
      <c r="AH107" s="38">
        <v>4</v>
      </c>
      <c r="AI107" s="37">
        <v>1.839</v>
      </c>
      <c r="AJ107" s="36">
        <v>13</v>
      </c>
    </row>
    <row r="108" spans="1:36" s="1" customFormat="1" ht="14.1" customHeight="1" x14ac:dyDescent="0.15">
      <c r="A108" s="43">
        <v>3</v>
      </c>
      <c r="B108" s="58" t="s">
        <v>48</v>
      </c>
      <c r="C108" s="37">
        <v>13.811999999999999</v>
      </c>
      <c r="D108" s="39">
        <v>30</v>
      </c>
      <c r="E108" s="37">
        <v>0</v>
      </c>
      <c r="F108" s="39">
        <v>8</v>
      </c>
      <c r="G108" s="37">
        <v>12.241</v>
      </c>
      <c r="H108" s="39">
        <v>30</v>
      </c>
      <c r="I108" s="37">
        <v>13.811999999999999</v>
      </c>
      <c r="J108" s="41">
        <v>30</v>
      </c>
      <c r="K108" s="37">
        <v>1.504</v>
      </c>
      <c r="L108" s="39">
        <v>10</v>
      </c>
      <c r="M108" s="37">
        <v>2</v>
      </c>
      <c r="N108" s="39">
        <v>3</v>
      </c>
      <c r="O108" s="37">
        <v>1.5489999999999999</v>
      </c>
      <c r="P108" s="39">
        <v>3</v>
      </c>
      <c r="Q108" s="37">
        <v>1.504</v>
      </c>
      <c r="R108" s="41">
        <v>10</v>
      </c>
      <c r="S108" s="43">
        <v>3</v>
      </c>
      <c r="T108" s="39" t="s">
        <v>48</v>
      </c>
      <c r="U108" s="37">
        <v>1.7529999999999999</v>
      </c>
      <c r="V108" s="39">
        <v>26</v>
      </c>
      <c r="W108" s="37">
        <v>2</v>
      </c>
      <c r="X108" s="39">
        <v>8</v>
      </c>
      <c r="Y108" s="37">
        <v>1.754</v>
      </c>
      <c r="Z108" s="39">
        <v>26</v>
      </c>
      <c r="AA108" s="37">
        <v>1.7529999999999999</v>
      </c>
      <c r="AB108" s="41">
        <v>26</v>
      </c>
      <c r="AC108" s="37">
        <v>1.7869999999999999</v>
      </c>
      <c r="AD108" s="39">
        <v>27</v>
      </c>
      <c r="AE108" s="37">
        <v>2</v>
      </c>
      <c r="AF108" s="39">
        <v>5</v>
      </c>
      <c r="AG108" s="37">
        <v>1.786</v>
      </c>
      <c r="AH108" s="38">
        <v>19</v>
      </c>
      <c r="AI108" s="37">
        <v>1.7869999999999999</v>
      </c>
      <c r="AJ108" s="36">
        <v>27</v>
      </c>
    </row>
    <row r="109" spans="1:36" s="1" customFormat="1" ht="14.1" customHeight="1" x14ac:dyDescent="0.15">
      <c r="A109" s="43">
        <v>4</v>
      </c>
      <c r="B109" s="58" t="s">
        <v>47</v>
      </c>
      <c r="C109" s="37">
        <v>15.925000000000001</v>
      </c>
      <c r="D109" s="39">
        <v>10</v>
      </c>
      <c r="E109" s="37">
        <v>0</v>
      </c>
      <c r="F109" s="39">
        <v>8</v>
      </c>
      <c r="G109" s="37">
        <v>14.451000000000001</v>
      </c>
      <c r="H109" s="39">
        <v>9</v>
      </c>
      <c r="I109" s="37">
        <v>15.925000000000001</v>
      </c>
      <c r="J109" s="41">
        <v>10</v>
      </c>
      <c r="K109" s="37">
        <v>1.5209999999999999</v>
      </c>
      <c r="L109" s="39">
        <v>6</v>
      </c>
      <c r="M109" s="37">
        <v>0</v>
      </c>
      <c r="N109" s="39">
        <v>22</v>
      </c>
      <c r="O109" s="37">
        <v>1.52</v>
      </c>
      <c r="P109" s="39">
        <v>11</v>
      </c>
      <c r="Q109" s="37">
        <v>1.5209999999999999</v>
      </c>
      <c r="R109" s="41">
        <v>6</v>
      </c>
      <c r="S109" s="43">
        <v>4</v>
      </c>
      <c r="T109" s="39" t="s">
        <v>47</v>
      </c>
      <c r="U109" s="37">
        <v>1.8149999999999999</v>
      </c>
      <c r="V109" s="39">
        <v>13</v>
      </c>
      <c r="W109" s="37">
        <v>0</v>
      </c>
      <c r="X109" s="39">
        <v>20</v>
      </c>
      <c r="Y109" s="37">
        <v>1.8340000000000001</v>
      </c>
      <c r="Z109" s="39">
        <v>13</v>
      </c>
      <c r="AA109" s="37">
        <v>1.8149999999999999</v>
      </c>
      <c r="AB109" s="41">
        <v>13</v>
      </c>
      <c r="AC109" s="37">
        <v>1.87</v>
      </c>
      <c r="AD109" s="39">
        <v>10</v>
      </c>
      <c r="AE109" s="37">
        <v>0</v>
      </c>
      <c r="AF109" s="39">
        <v>25</v>
      </c>
      <c r="AG109" s="37">
        <v>1.8280000000000001</v>
      </c>
      <c r="AH109" s="38">
        <v>10</v>
      </c>
      <c r="AI109" s="37">
        <v>1.87</v>
      </c>
      <c r="AJ109" s="36">
        <v>10</v>
      </c>
    </row>
    <row r="110" spans="1:36" s="1" customFormat="1" ht="14.1" customHeight="1" x14ac:dyDescent="0.15">
      <c r="A110" s="43">
        <v>5</v>
      </c>
      <c r="B110" s="58" t="s">
        <v>46</v>
      </c>
      <c r="C110" s="37">
        <v>13.585000000000001</v>
      </c>
      <c r="D110" s="39">
        <v>31</v>
      </c>
      <c r="E110" s="37">
        <v>0</v>
      </c>
      <c r="F110" s="39">
        <v>8</v>
      </c>
      <c r="G110" s="37">
        <v>12.045</v>
      </c>
      <c r="H110" s="39">
        <v>32</v>
      </c>
      <c r="I110" s="37">
        <v>13.585000000000001</v>
      </c>
      <c r="J110" s="41">
        <v>31</v>
      </c>
      <c r="K110" s="37">
        <v>1.472</v>
      </c>
      <c r="L110" s="39">
        <v>16</v>
      </c>
      <c r="M110" s="37">
        <v>1.097</v>
      </c>
      <c r="N110" s="39">
        <v>13</v>
      </c>
      <c r="O110" s="37">
        <v>1.456</v>
      </c>
      <c r="P110" s="39">
        <v>22</v>
      </c>
      <c r="Q110" s="37">
        <v>1.472</v>
      </c>
      <c r="R110" s="41">
        <v>16</v>
      </c>
      <c r="S110" s="43">
        <v>5</v>
      </c>
      <c r="T110" s="39" t="s">
        <v>46</v>
      </c>
      <c r="U110" s="37">
        <v>1.7030000000000001</v>
      </c>
      <c r="V110" s="39">
        <v>32</v>
      </c>
      <c r="W110" s="37">
        <v>1.4</v>
      </c>
      <c r="X110" s="39">
        <v>14</v>
      </c>
      <c r="Y110" s="37">
        <v>1.7110000000000001</v>
      </c>
      <c r="Z110" s="39">
        <v>32</v>
      </c>
      <c r="AA110" s="37">
        <v>1.7030000000000001</v>
      </c>
      <c r="AB110" s="41">
        <v>32</v>
      </c>
      <c r="AC110" s="37">
        <v>1.7490000000000001</v>
      </c>
      <c r="AD110" s="39">
        <v>30</v>
      </c>
      <c r="AE110" s="37">
        <v>1.139</v>
      </c>
      <c r="AF110" s="39">
        <v>17</v>
      </c>
      <c r="AG110" s="37">
        <v>1.7110000000000001</v>
      </c>
      <c r="AH110" s="38">
        <v>31</v>
      </c>
      <c r="AI110" s="37">
        <v>1.7490000000000001</v>
      </c>
      <c r="AJ110" s="36">
        <v>30</v>
      </c>
    </row>
    <row r="111" spans="1:36" s="1" customFormat="1" ht="14.1" customHeight="1" x14ac:dyDescent="0.15">
      <c r="A111" s="43">
        <v>6</v>
      </c>
      <c r="B111" s="58" t="s">
        <v>45</v>
      </c>
      <c r="C111" s="37">
        <v>15.131</v>
      </c>
      <c r="D111" s="39">
        <v>17</v>
      </c>
      <c r="E111" s="37">
        <v>0</v>
      </c>
      <c r="F111" s="39">
        <v>8</v>
      </c>
      <c r="G111" s="37">
        <v>13.349</v>
      </c>
      <c r="H111" s="39">
        <v>21</v>
      </c>
      <c r="I111" s="37">
        <v>15.131</v>
      </c>
      <c r="J111" s="41">
        <v>17</v>
      </c>
      <c r="K111" s="37">
        <v>1.494</v>
      </c>
      <c r="L111" s="39">
        <v>13</v>
      </c>
      <c r="M111" s="37">
        <v>1.333</v>
      </c>
      <c r="N111" s="39">
        <v>8</v>
      </c>
      <c r="O111" s="37">
        <v>1.508</v>
      </c>
      <c r="P111" s="39">
        <v>12</v>
      </c>
      <c r="Q111" s="37">
        <v>1.494</v>
      </c>
      <c r="R111" s="41">
        <v>13</v>
      </c>
      <c r="S111" s="43">
        <v>6</v>
      </c>
      <c r="T111" s="39" t="s">
        <v>45</v>
      </c>
      <c r="U111" s="37">
        <v>1.7090000000000001</v>
      </c>
      <c r="V111" s="39">
        <v>30</v>
      </c>
      <c r="W111" s="37">
        <v>2.3330000000000002</v>
      </c>
      <c r="X111" s="39">
        <v>6</v>
      </c>
      <c r="Y111" s="37">
        <v>1.7190000000000001</v>
      </c>
      <c r="Z111" s="39">
        <v>30</v>
      </c>
      <c r="AA111" s="37">
        <v>1.7090000000000001</v>
      </c>
      <c r="AB111" s="41">
        <v>30</v>
      </c>
      <c r="AC111" s="37">
        <v>1.786</v>
      </c>
      <c r="AD111" s="39">
        <v>28</v>
      </c>
      <c r="AE111" s="37">
        <v>1.5329999999999999</v>
      </c>
      <c r="AF111" s="39">
        <v>9</v>
      </c>
      <c r="AG111" s="37">
        <v>1.756</v>
      </c>
      <c r="AH111" s="38">
        <v>23</v>
      </c>
      <c r="AI111" s="37">
        <v>1.786</v>
      </c>
      <c r="AJ111" s="36">
        <v>28</v>
      </c>
    </row>
    <row r="112" spans="1:36" s="1" customFormat="1" ht="14.1" customHeight="1" x14ac:dyDescent="0.15">
      <c r="A112" s="43">
        <v>7</v>
      </c>
      <c r="B112" s="58" t="s">
        <v>44</v>
      </c>
      <c r="C112" s="37">
        <v>17.04</v>
      </c>
      <c r="D112" s="39">
        <v>4</v>
      </c>
      <c r="E112" s="37">
        <v>0</v>
      </c>
      <c r="F112" s="39">
        <v>8</v>
      </c>
      <c r="G112" s="37">
        <v>15.433</v>
      </c>
      <c r="H112" s="39">
        <v>3</v>
      </c>
      <c r="I112" s="37">
        <v>17.04</v>
      </c>
      <c r="J112" s="41">
        <v>4</v>
      </c>
      <c r="K112" s="37">
        <v>1.536</v>
      </c>
      <c r="L112" s="39">
        <v>2</v>
      </c>
      <c r="M112" s="37">
        <v>1.167</v>
      </c>
      <c r="N112" s="39">
        <v>11</v>
      </c>
      <c r="O112" s="37">
        <v>1.542</v>
      </c>
      <c r="P112" s="39">
        <v>5</v>
      </c>
      <c r="Q112" s="37">
        <v>1.536</v>
      </c>
      <c r="R112" s="41">
        <v>2</v>
      </c>
      <c r="S112" s="43">
        <v>7</v>
      </c>
      <c r="T112" s="39" t="s">
        <v>44</v>
      </c>
      <c r="U112" s="37">
        <v>1.7729999999999999</v>
      </c>
      <c r="V112" s="39">
        <v>23</v>
      </c>
      <c r="W112" s="37">
        <v>2.3330000000000002</v>
      </c>
      <c r="X112" s="39">
        <v>6</v>
      </c>
      <c r="Y112" s="37">
        <v>1.7989999999999999</v>
      </c>
      <c r="Z112" s="39">
        <v>19</v>
      </c>
      <c r="AA112" s="37">
        <v>1.7729999999999999</v>
      </c>
      <c r="AB112" s="41">
        <v>23</v>
      </c>
      <c r="AC112" s="37">
        <v>1.9419999999999999</v>
      </c>
      <c r="AD112" s="39">
        <v>4</v>
      </c>
      <c r="AE112" s="37">
        <v>1.556</v>
      </c>
      <c r="AF112" s="39">
        <v>8</v>
      </c>
      <c r="AG112" s="37">
        <v>1.8919999999999999</v>
      </c>
      <c r="AH112" s="38">
        <v>3</v>
      </c>
      <c r="AI112" s="37">
        <v>1.9419999999999999</v>
      </c>
      <c r="AJ112" s="36">
        <v>4</v>
      </c>
    </row>
    <row r="113" spans="1:36" s="1" customFormat="1" ht="14.1" customHeight="1" x14ac:dyDescent="0.15">
      <c r="A113" s="43">
        <v>8</v>
      </c>
      <c r="B113" s="58" t="s">
        <v>43</v>
      </c>
      <c r="C113" s="37">
        <v>13.929</v>
      </c>
      <c r="D113" s="39">
        <v>29</v>
      </c>
      <c r="E113" s="37">
        <v>0</v>
      </c>
      <c r="F113" s="39">
        <v>8</v>
      </c>
      <c r="G113" s="37">
        <v>12.576000000000001</v>
      </c>
      <c r="H113" s="39">
        <v>29</v>
      </c>
      <c r="I113" s="37">
        <v>13.929</v>
      </c>
      <c r="J113" s="41">
        <v>29</v>
      </c>
      <c r="K113" s="37">
        <v>1.4750000000000001</v>
      </c>
      <c r="L113" s="39">
        <v>15</v>
      </c>
      <c r="M113" s="37">
        <v>1.333</v>
      </c>
      <c r="N113" s="39">
        <v>8</v>
      </c>
      <c r="O113" s="37">
        <v>1.4810000000000001</v>
      </c>
      <c r="P113" s="39">
        <v>18</v>
      </c>
      <c r="Q113" s="37">
        <v>1.4750000000000001</v>
      </c>
      <c r="R113" s="41">
        <v>15</v>
      </c>
      <c r="S113" s="43">
        <v>8</v>
      </c>
      <c r="T113" s="39" t="s">
        <v>43</v>
      </c>
      <c r="U113" s="37">
        <v>1.7190000000000001</v>
      </c>
      <c r="V113" s="39">
        <v>29</v>
      </c>
      <c r="W113" s="37">
        <v>1</v>
      </c>
      <c r="X113" s="39">
        <v>15</v>
      </c>
      <c r="Y113" s="37">
        <v>1.7490000000000001</v>
      </c>
      <c r="Z113" s="39">
        <v>28</v>
      </c>
      <c r="AA113" s="37">
        <v>1.7190000000000001</v>
      </c>
      <c r="AB113" s="41">
        <v>29</v>
      </c>
      <c r="AC113" s="37">
        <v>1.762</v>
      </c>
      <c r="AD113" s="39">
        <v>29</v>
      </c>
      <c r="AE113" s="37">
        <v>1.25</v>
      </c>
      <c r="AF113" s="39">
        <v>15</v>
      </c>
      <c r="AG113" s="37">
        <v>1.7410000000000001</v>
      </c>
      <c r="AH113" s="38">
        <v>27</v>
      </c>
      <c r="AI113" s="37">
        <v>1.762</v>
      </c>
      <c r="AJ113" s="36">
        <v>29</v>
      </c>
    </row>
    <row r="114" spans="1:36" s="1" customFormat="1" ht="14.1" customHeight="1" x14ac:dyDescent="0.15">
      <c r="A114" s="43">
        <v>9</v>
      </c>
      <c r="B114" s="58" t="s">
        <v>42</v>
      </c>
      <c r="C114" s="37">
        <v>14.5</v>
      </c>
      <c r="D114" s="39">
        <v>24</v>
      </c>
      <c r="E114" s="37">
        <v>0</v>
      </c>
      <c r="F114" s="39">
        <v>8</v>
      </c>
      <c r="G114" s="37">
        <v>13.301</v>
      </c>
      <c r="H114" s="39">
        <v>22</v>
      </c>
      <c r="I114" s="37">
        <v>14.5</v>
      </c>
      <c r="J114" s="41">
        <v>24</v>
      </c>
      <c r="K114" s="37">
        <v>1.504</v>
      </c>
      <c r="L114" s="39">
        <v>10</v>
      </c>
      <c r="M114" s="37">
        <v>0</v>
      </c>
      <c r="N114" s="39">
        <v>22</v>
      </c>
      <c r="O114" s="37">
        <v>1.526</v>
      </c>
      <c r="P114" s="39">
        <v>8</v>
      </c>
      <c r="Q114" s="37">
        <v>1.504</v>
      </c>
      <c r="R114" s="41">
        <v>10</v>
      </c>
      <c r="S114" s="43">
        <v>9</v>
      </c>
      <c r="T114" s="39" t="s">
        <v>42</v>
      </c>
      <c r="U114" s="37">
        <v>1.837</v>
      </c>
      <c r="V114" s="39">
        <v>6</v>
      </c>
      <c r="W114" s="37">
        <v>0</v>
      </c>
      <c r="X114" s="39">
        <v>20</v>
      </c>
      <c r="Y114" s="37">
        <v>1.8819999999999999</v>
      </c>
      <c r="Z114" s="39">
        <v>8</v>
      </c>
      <c r="AA114" s="37">
        <v>1.837</v>
      </c>
      <c r="AB114" s="41">
        <v>6</v>
      </c>
      <c r="AC114" s="37">
        <v>1.8049999999999999</v>
      </c>
      <c r="AD114" s="39">
        <v>23</v>
      </c>
      <c r="AE114" s="37">
        <v>0</v>
      </c>
      <c r="AF114" s="39">
        <v>25</v>
      </c>
      <c r="AG114" s="37">
        <v>1.8049999999999999</v>
      </c>
      <c r="AH114" s="38">
        <v>14</v>
      </c>
      <c r="AI114" s="37">
        <v>1.8049999999999999</v>
      </c>
      <c r="AJ114" s="36">
        <v>23</v>
      </c>
    </row>
    <row r="115" spans="1:36" s="1" customFormat="1" ht="14.1" customHeight="1" x14ac:dyDescent="0.15">
      <c r="A115" s="43">
        <v>10</v>
      </c>
      <c r="B115" s="58" t="s">
        <v>41</v>
      </c>
      <c r="C115" s="37">
        <v>15.429</v>
      </c>
      <c r="D115" s="39">
        <v>15</v>
      </c>
      <c r="E115" s="37">
        <v>17.5</v>
      </c>
      <c r="F115" s="39">
        <v>2</v>
      </c>
      <c r="G115" s="37">
        <v>13.987</v>
      </c>
      <c r="H115" s="39">
        <v>13</v>
      </c>
      <c r="I115" s="37">
        <v>15.43</v>
      </c>
      <c r="J115" s="41">
        <v>15</v>
      </c>
      <c r="K115" s="37">
        <v>1.5089999999999999</v>
      </c>
      <c r="L115" s="39">
        <v>7</v>
      </c>
      <c r="M115" s="37">
        <v>2.3330000000000002</v>
      </c>
      <c r="N115" s="39">
        <v>2</v>
      </c>
      <c r="O115" s="37">
        <v>1.522</v>
      </c>
      <c r="P115" s="39">
        <v>9</v>
      </c>
      <c r="Q115" s="37">
        <v>1.5089999999999999</v>
      </c>
      <c r="R115" s="41">
        <v>7</v>
      </c>
      <c r="S115" s="43">
        <v>10</v>
      </c>
      <c r="T115" s="39" t="s">
        <v>41</v>
      </c>
      <c r="U115" s="37">
        <v>1.8280000000000001</v>
      </c>
      <c r="V115" s="39">
        <v>9</v>
      </c>
      <c r="W115" s="37">
        <v>0.8</v>
      </c>
      <c r="X115" s="39">
        <v>19</v>
      </c>
      <c r="Y115" s="37">
        <v>1.85</v>
      </c>
      <c r="Z115" s="39">
        <v>10</v>
      </c>
      <c r="AA115" s="37">
        <v>1.8280000000000001</v>
      </c>
      <c r="AB115" s="41">
        <v>9</v>
      </c>
      <c r="AC115" s="37">
        <v>1.8779999999999999</v>
      </c>
      <c r="AD115" s="39">
        <v>7</v>
      </c>
      <c r="AE115" s="37">
        <v>3.3639999999999999</v>
      </c>
      <c r="AF115" s="39">
        <v>2</v>
      </c>
      <c r="AG115" s="37">
        <v>1.8520000000000001</v>
      </c>
      <c r="AH115" s="38">
        <v>7</v>
      </c>
      <c r="AI115" s="37">
        <v>1.8779999999999999</v>
      </c>
      <c r="AJ115" s="36">
        <v>7</v>
      </c>
    </row>
    <row r="116" spans="1:36" s="1" customFormat="1" ht="14.1" customHeight="1" x14ac:dyDescent="0.15">
      <c r="A116" s="43">
        <v>11</v>
      </c>
      <c r="B116" s="58" t="s">
        <v>40</v>
      </c>
      <c r="C116" s="37">
        <v>13.026</v>
      </c>
      <c r="D116" s="39">
        <v>32</v>
      </c>
      <c r="E116" s="37">
        <v>0</v>
      </c>
      <c r="F116" s="39">
        <v>8</v>
      </c>
      <c r="G116" s="37">
        <v>11.670999999999999</v>
      </c>
      <c r="H116" s="39">
        <v>33</v>
      </c>
      <c r="I116" s="37">
        <v>13.026</v>
      </c>
      <c r="J116" s="41">
        <v>32</v>
      </c>
      <c r="K116" s="37">
        <v>1.508</v>
      </c>
      <c r="L116" s="39">
        <v>8</v>
      </c>
      <c r="M116" s="37">
        <v>1</v>
      </c>
      <c r="N116" s="39">
        <v>14</v>
      </c>
      <c r="O116" s="37">
        <v>1.506</v>
      </c>
      <c r="P116" s="39">
        <v>13</v>
      </c>
      <c r="Q116" s="37">
        <v>1.5069999999999999</v>
      </c>
      <c r="R116" s="41">
        <v>8</v>
      </c>
      <c r="S116" s="43">
        <v>11</v>
      </c>
      <c r="T116" s="39" t="s">
        <v>40</v>
      </c>
      <c r="U116" s="37">
        <v>1.8089999999999999</v>
      </c>
      <c r="V116" s="39">
        <v>14</v>
      </c>
      <c r="W116" s="37">
        <v>2.6669999999999998</v>
      </c>
      <c r="X116" s="39">
        <v>4</v>
      </c>
      <c r="Y116" s="37">
        <v>1.8049999999999999</v>
      </c>
      <c r="Z116" s="39">
        <v>16</v>
      </c>
      <c r="AA116" s="37">
        <v>1.8089999999999999</v>
      </c>
      <c r="AB116" s="41">
        <v>14</v>
      </c>
      <c r="AC116" s="37">
        <v>1.806</v>
      </c>
      <c r="AD116" s="39">
        <v>22</v>
      </c>
      <c r="AE116" s="37">
        <v>1.526</v>
      </c>
      <c r="AF116" s="39">
        <v>10</v>
      </c>
      <c r="AG116" s="37">
        <v>1.79</v>
      </c>
      <c r="AH116" s="38">
        <v>17</v>
      </c>
      <c r="AI116" s="37">
        <v>1.806</v>
      </c>
      <c r="AJ116" s="36">
        <v>22</v>
      </c>
    </row>
    <row r="117" spans="1:36" s="1" customFormat="1" ht="14.1" customHeight="1" x14ac:dyDescent="0.15">
      <c r="A117" s="43">
        <v>12</v>
      </c>
      <c r="B117" s="58" t="s">
        <v>39</v>
      </c>
      <c r="C117" s="37">
        <v>16.131</v>
      </c>
      <c r="D117" s="39">
        <v>9</v>
      </c>
      <c r="E117" s="37">
        <v>0</v>
      </c>
      <c r="F117" s="39">
        <v>8</v>
      </c>
      <c r="G117" s="37">
        <v>14.648</v>
      </c>
      <c r="H117" s="39">
        <v>7</v>
      </c>
      <c r="I117" s="37">
        <v>16.131</v>
      </c>
      <c r="J117" s="41">
        <v>9</v>
      </c>
      <c r="K117" s="37">
        <v>1.4119999999999999</v>
      </c>
      <c r="L117" s="39">
        <v>30</v>
      </c>
      <c r="M117" s="37">
        <v>2</v>
      </c>
      <c r="N117" s="39">
        <v>3</v>
      </c>
      <c r="O117" s="37">
        <v>1.3939999999999999</v>
      </c>
      <c r="P117" s="39">
        <v>30</v>
      </c>
      <c r="Q117" s="37">
        <v>1.4119999999999999</v>
      </c>
      <c r="R117" s="41">
        <v>30</v>
      </c>
      <c r="S117" s="43">
        <v>12</v>
      </c>
      <c r="T117" s="39" t="s">
        <v>39</v>
      </c>
      <c r="U117" s="37">
        <v>1.8320000000000001</v>
      </c>
      <c r="V117" s="39">
        <v>8</v>
      </c>
      <c r="W117" s="37">
        <v>2.75</v>
      </c>
      <c r="X117" s="39">
        <v>3</v>
      </c>
      <c r="Y117" s="37">
        <v>1.86</v>
      </c>
      <c r="Z117" s="39">
        <v>9</v>
      </c>
      <c r="AA117" s="37">
        <v>1.8320000000000001</v>
      </c>
      <c r="AB117" s="41">
        <v>8</v>
      </c>
      <c r="AC117" s="37">
        <v>1.81</v>
      </c>
      <c r="AD117" s="39">
        <v>20</v>
      </c>
      <c r="AE117" s="37">
        <v>2.6</v>
      </c>
      <c r="AF117" s="39">
        <v>4</v>
      </c>
      <c r="AG117" s="37">
        <v>1.754</v>
      </c>
      <c r="AH117" s="38">
        <v>24</v>
      </c>
      <c r="AI117" s="37">
        <v>1.81</v>
      </c>
      <c r="AJ117" s="36">
        <v>19</v>
      </c>
    </row>
    <row r="118" spans="1:36" s="1" customFormat="1" ht="14.1" customHeight="1" x14ac:dyDescent="0.15">
      <c r="A118" s="43">
        <v>13</v>
      </c>
      <c r="B118" s="58" t="s">
        <v>38</v>
      </c>
      <c r="C118" s="37">
        <v>14.948</v>
      </c>
      <c r="D118" s="39">
        <v>20</v>
      </c>
      <c r="E118" s="37">
        <v>2</v>
      </c>
      <c r="F118" s="39">
        <v>6</v>
      </c>
      <c r="G118" s="37">
        <v>13.411</v>
      </c>
      <c r="H118" s="39">
        <v>18</v>
      </c>
      <c r="I118" s="37">
        <v>14.95</v>
      </c>
      <c r="J118" s="41">
        <v>20</v>
      </c>
      <c r="K118" s="37">
        <v>1.5269999999999999</v>
      </c>
      <c r="L118" s="39">
        <v>4</v>
      </c>
      <c r="M118" s="37">
        <v>0.66700000000000004</v>
      </c>
      <c r="N118" s="39">
        <v>21</v>
      </c>
      <c r="O118" s="37">
        <v>1.5349999999999999</v>
      </c>
      <c r="P118" s="39">
        <v>7</v>
      </c>
      <c r="Q118" s="37">
        <v>1.5269999999999999</v>
      </c>
      <c r="R118" s="41">
        <v>4</v>
      </c>
      <c r="S118" s="43">
        <v>13</v>
      </c>
      <c r="T118" s="39" t="s">
        <v>38</v>
      </c>
      <c r="U118" s="37">
        <v>1.7769999999999999</v>
      </c>
      <c r="V118" s="39">
        <v>19</v>
      </c>
      <c r="W118" s="37">
        <v>2</v>
      </c>
      <c r="X118" s="39">
        <v>8</v>
      </c>
      <c r="Y118" s="37">
        <v>1.792</v>
      </c>
      <c r="Z118" s="39">
        <v>21</v>
      </c>
      <c r="AA118" s="37">
        <v>1.7769999999999999</v>
      </c>
      <c r="AB118" s="41">
        <v>19</v>
      </c>
      <c r="AC118" s="37">
        <v>1.8759999999999999</v>
      </c>
      <c r="AD118" s="39">
        <v>9</v>
      </c>
      <c r="AE118" s="37">
        <v>1</v>
      </c>
      <c r="AF118" s="39">
        <v>19</v>
      </c>
      <c r="AG118" s="37">
        <v>1.8340000000000001</v>
      </c>
      <c r="AH118" s="38">
        <v>9</v>
      </c>
      <c r="AI118" s="37">
        <v>1.8759999999999999</v>
      </c>
      <c r="AJ118" s="36">
        <v>9</v>
      </c>
    </row>
    <row r="119" spans="1:36" s="1" customFormat="1" ht="14.1" customHeight="1" x14ac:dyDescent="0.15">
      <c r="A119" s="43">
        <v>14</v>
      </c>
      <c r="B119" s="58" t="s">
        <v>37</v>
      </c>
      <c r="C119" s="37">
        <v>14.914</v>
      </c>
      <c r="D119" s="39">
        <v>21</v>
      </c>
      <c r="E119" s="37">
        <v>0</v>
      </c>
      <c r="F119" s="39">
        <v>8</v>
      </c>
      <c r="G119" s="37">
        <v>13.372</v>
      </c>
      <c r="H119" s="39">
        <v>19</v>
      </c>
      <c r="I119" s="37">
        <v>14.914</v>
      </c>
      <c r="J119" s="41">
        <v>21</v>
      </c>
      <c r="K119" s="37">
        <v>1.4970000000000001</v>
      </c>
      <c r="L119" s="39">
        <v>12</v>
      </c>
      <c r="M119" s="37">
        <v>1</v>
      </c>
      <c r="N119" s="39">
        <v>14</v>
      </c>
      <c r="O119" s="37">
        <v>1.5049999999999999</v>
      </c>
      <c r="P119" s="39">
        <v>14</v>
      </c>
      <c r="Q119" s="37">
        <v>1.4970000000000001</v>
      </c>
      <c r="R119" s="41">
        <v>12</v>
      </c>
      <c r="S119" s="43">
        <v>14</v>
      </c>
      <c r="T119" s="39" t="s">
        <v>37</v>
      </c>
      <c r="U119" s="37">
        <v>1.8</v>
      </c>
      <c r="V119" s="39">
        <v>16</v>
      </c>
      <c r="W119" s="37">
        <v>1.5</v>
      </c>
      <c r="X119" s="39">
        <v>13</v>
      </c>
      <c r="Y119" s="37">
        <v>1.802</v>
      </c>
      <c r="Z119" s="39">
        <v>18</v>
      </c>
      <c r="AA119" s="37">
        <v>1.8</v>
      </c>
      <c r="AB119" s="41">
        <v>16</v>
      </c>
      <c r="AC119" s="37">
        <v>1.8220000000000001</v>
      </c>
      <c r="AD119" s="39">
        <v>15</v>
      </c>
      <c r="AE119" s="37">
        <v>1.25</v>
      </c>
      <c r="AF119" s="39">
        <v>15</v>
      </c>
      <c r="AG119" s="37">
        <v>1.8129999999999999</v>
      </c>
      <c r="AH119" s="38">
        <v>13</v>
      </c>
      <c r="AI119" s="37">
        <v>1.8220000000000001</v>
      </c>
      <c r="AJ119" s="36">
        <v>15</v>
      </c>
    </row>
    <row r="120" spans="1:36" s="1" customFormat="1" ht="14.1" customHeight="1" x14ac:dyDescent="0.15">
      <c r="A120" s="43">
        <v>15</v>
      </c>
      <c r="B120" s="58" t="s">
        <v>36</v>
      </c>
      <c r="C120" s="37">
        <v>16.523</v>
      </c>
      <c r="D120" s="39">
        <v>6</v>
      </c>
      <c r="E120" s="37">
        <v>0</v>
      </c>
      <c r="F120" s="39">
        <v>8</v>
      </c>
      <c r="G120" s="37">
        <v>15.597</v>
      </c>
      <c r="H120" s="39">
        <v>2</v>
      </c>
      <c r="I120" s="37">
        <v>16.523</v>
      </c>
      <c r="J120" s="41">
        <v>6</v>
      </c>
      <c r="K120" s="37">
        <v>1.458</v>
      </c>
      <c r="L120" s="39">
        <v>22</v>
      </c>
      <c r="M120" s="37">
        <v>0</v>
      </c>
      <c r="N120" s="39">
        <v>22</v>
      </c>
      <c r="O120" s="37">
        <v>1.4590000000000001</v>
      </c>
      <c r="P120" s="39">
        <v>21</v>
      </c>
      <c r="Q120" s="37">
        <v>1.458</v>
      </c>
      <c r="R120" s="41">
        <v>22</v>
      </c>
      <c r="S120" s="43">
        <v>15</v>
      </c>
      <c r="T120" s="39" t="s">
        <v>36</v>
      </c>
      <c r="U120" s="37">
        <v>1.788</v>
      </c>
      <c r="V120" s="39">
        <v>18</v>
      </c>
      <c r="W120" s="37">
        <v>2</v>
      </c>
      <c r="X120" s="39">
        <v>8</v>
      </c>
      <c r="Y120" s="37">
        <v>1.82</v>
      </c>
      <c r="Z120" s="39">
        <v>14</v>
      </c>
      <c r="AA120" s="37">
        <v>1.788</v>
      </c>
      <c r="AB120" s="41">
        <v>18</v>
      </c>
      <c r="AC120" s="37">
        <v>1.849</v>
      </c>
      <c r="AD120" s="39">
        <v>11</v>
      </c>
      <c r="AE120" s="37">
        <v>2</v>
      </c>
      <c r="AF120" s="39">
        <v>5</v>
      </c>
      <c r="AG120" s="37">
        <v>1.8260000000000001</v>
      </c>
      <c r="AH120" s="38">
        <v>11</v>
      </c>
      <c r="AI120" s="37">
        <v>1.849</v>
      </c>
      <c r="AJ120" s="59">
        <v>11</v>
      </c>
    </row>
    <row r="121" spans="1:36" s="1" customFormat="1" ht="14.1" customHeight="1" x14ac:dyDescent="0.15">
      <c r="A121" s="43">
        <v>16</v>
      </c>
      <c r="B121" s="58" t="s">
        <v>35</v>
      </c>
      <c r="C121" s="37">
        <v>15.885999999999999</v>
      </c>
      <c r="D121" s="39">
        <v>11</v>
      </c>
      <c r="E121" s="37">
        <v>0</v>
      </c>
      <c r="F121" s="39">
        <v>8</v>
      </c>
      <c r="G121" s="37">
        <v>14.429</v>
      </c>
      <c r="H121" s="39">
        <v>10</v>
      </c>
      <c r="I121" s="37">
        <v>15.885999999999999</v>
      </c>
      <c r="J121" s="41">
        <v>11</v>
      </c>
      <c r="K121" s="37">
        <v>1.45</v>
      </c>
      <c r="L121" s="39">
        <v>23</v>
      </c>
      <c r="M121" s="37">
        <v>0</v>
      </c>
      <c r="N121" s="39">
        <v>22</v>
      </c>
      <c r="O121" s="37">
        <v>1.425</v>
      </c>
      <c r="P121" s="39">
        <v>27</v>
      </c>
      <c r="Q121" s="37">
        <v>1.45</v>
      </c>
      <c r="R121" s="41">
        <v>23</v>
      </c>
      <c r="S121" s="43">
        <v>16</v>
      </c>
      <c r="T121" s="39" t="s">
        <v>35</v>
      </c>
      <c r="U121" s="37">
        <v>1.7529999999999999</v>
      </c>
      <c r="V121" s="39">
        <v>26</v>
      </c>
      <c r="W121" s="37">
        <v>3</v>
      </c>
      <c r="X121" s="39">
        <v>2</v>
      </c>
      <c r="Y121" s="37">
        <v>1.7529999999999999</v>
      </c>
      <c r="Z121" s="39">
        <v>27</v>
      </c>
      <c r="AA121" s="37">
        <v>1.7529999999999999</v>
      </c>
      <c r="AB121" s="41">
        <v>26</v>
      </c>
      <c r="AC121" s="37">
        <v>1.798</v>
      </c>
      <c r="AD121" s="39">
        <v>24</v>
      </c>
      <c r="AE121" s="37">
        <v>3</v>
      </c>
      <c r="AF121" s="39">
        <v>3</v>
      </c>
      <c r="AG121" s="37">
        <v>1.736</v>
      </c>
      <c r="AH121" s="38">
        <v>28</v>
      </c>
      <c r="AI121" s="37">
        <v>1.798</v>
      </c>
      <c r="AJ121" s="59">
        <v>24</v>
      </c>
    </row>
    <row r="122" spans="1:36" s="1" customFormat="1" ht="14.1" customHeight="1" x14ac:dyDescent="0.15">
      <c r="A122" s="43">
        <v>17</v>
      </c>
      <c r="B122" s="58" t="s">
        <v>34</v>
      </c>
      <c r="C122" s="37">
        <v>15.706</v>
      </c>
      <c r="D122" s="39">
        <v>12</v>
      </c>
      <c r="E122" s="37">
        <v>1</v>
      </c>
      <c r="F122" s="39">
        <v>7</v>
      </c>
      <c r="G122" s="37">
        <v>14.734</v>
      </c>
      <c r="H122" s="39">
        <v>6</v>
      </c>
      <c r="I122" s="37">
        <v>15.702999999999999</v>
      </c>
      <c r="J122" s="41">
        <v>12</v>
      </c>
      <c r="K122" s="37">
        <v>1.5309999999999999</v>
      </c>
      <c r="L122" s="39">
        <v>3</v>
      </c>
      <c r="M122" s="37">
        <v>1</v>
      </c>
      <c r="N122" s="39">
        <v>14</v>
      </c>
      <c r="O122" s="37">
        <v>1.5429999999999999</v>
      </c>
      <c r="P122" s="39">
        <v>4</v>
      </c>
      <c r="Q122" s="37">
        <v>1.5309999999999999</v>
      </c>
      <c r="R122" s="41">
        <v>3</v>
      </c>
      <c r="S122" s="43">
        <v>17</v>
      </c>
      <c r="T122" s="39" t="s">
        <v>34</v>
      </c>
      <c r="U122" s="37">
        <v>1.7889999999999999</v>
      </c>
      <c r="V122" s="39">
        <v>17</v>
      </c>
      <c r="W122" s="37">
        <v>1</v>
      </c>
      <c r="X122" s="39">
        <v>15</v>
      </c>
      <c r="Y122" s="37">
        <v>1.7849999999999999</v>
      </c>
      <c r="Z122" s="39">
        <v>22</v>
      </c>
      <c r="AA122" s="37">
        <v>1.7889999999999999</v>
      </c>
      <c r="AB122" s="41">
        <v>17</v>
      </c>
      <c r="AC122" s="37">
        <v>1.8779999999999999</v>
      </c>
      <c r="AD122" s="39">
        <v>7</v>
      </c>
      <c r="AE122" s="37">
        <v>1</v>
      </c>
      <c r="AF122" s="39">
        <v>19</v>
      </c>
      <c r="AG122" s="37">
        <v>1.86</v>
      </c>
      <c r="AH122" s="38">
        <v>5</v>
      </c>
      <c r="AI122" s="37">
        <v>1.8779999999999999</v>
      </c>
      <c r="AJ122" s="59">
        <v>7</v>
      </c>
    </row>
    <row r="123" spans="1:36" s="1" customFormat="1" ht="14.1" customHeight="1" x14ac:dyDescent="0.15">
      <c r="A123" s="43">
        <v>18</v>
      </c>
      <c r="B123" s="58" t="s">
        <v>33</v>
      </c>
      <c r="C123" s="37">
        <v>17.509</v>
      </c>
      <c r="D123" s="39">
        <v>3</v>
      </c>
      <c r="E123" s="37">
        <v>0</v>
      </c>
      <c r="F123" s="39">
        <v>8</v>
      </c>
      <c r="G123" s="37">
        <v>14.766</v>
      </c>
      <c r="H123" s="39">
        <v>5</v>
      </c>
      <c r="I123" s="37">
        <v>17.509</v>
      </c>
      <c r="J123" s="41">
        <v>3</v>
      </c>
      <c r="K123" s="37">
        <v>1.466</v>
      </c>
      <c r="L123" s="39">
        <v>19</v>
      </c>
      <c r="M123" s="37">
        <v>1.143</v>
      </c>
      <c r="N123" s="39">
        <v>12</v>
      </c>
      <c r="O123" s="37">
        <v>1.4330000000000001</v>
      </c>
      <c r="P123" s="39">
        <v>25</v>
      </c>
      <c r="Q123" s="37">
        <v>1.466</v>
      </c>
      <c r="R123" s="41">
        <v>19</v>
      </c>
      <c r="S123" s="43">
        <v>18</v>
      </c>
      <c r="T123" s="39" t="s">
        <v>33</v>
      </c>
      <c r="U123" s="37">
        <v>1.8779999999999999</v>
      </c>
      <c r="V123" s="39">
        <v>4</v>
      </c>
      <c r="W123" s="37">
        <v>1</v>
      </c>
      <c r="X123" s="39">
        <v>15</v>
      </c>
      <c r="Y123" s="37">
        <v>1.897</v>
      </c>
      <c r="Z123" s="39">
        <v>5</v>
      </c>
      <c r="AA123" s="37">
        <v>1.8779999999999999</v>
      </c>
      <c r="AB123" s="41">
        <v>4</v>
      </c>
      <c r="AC123" s="37">
        <v>1.889</v>
      </c>
      <c r="AD123" s="39">
        <v>5</v>
      </c>
      <c r="AE123" s="37">
        <v>1.125</v>
      </c>
      <c r="AF123" s="39">
        <v>18</v>
      </c>
      <c r="AG123" s="37">
        <v>1.7529999999999999</v>
      </c>
      <c r="AH123" s="38">
        <v>25</v>
      </c>
      <c r="AI123" s="37">
        <v>1.889</v>
      </c>
      <c r="AJ123" s="59">
        <v>5</v>
      </c>
    </row>
    <row r="124" spans="1:36" s="1" customFormat="1" ht="14.1" customHeight="1" x14ac:dyDescent="0.15">
      <c r="A124" s="43">
        <v>19</v>
      </c>
      <c r="B124" s="58" t="s">
        <v>32</v>
      </c>
      <c r="C124" s="37">
        <v>12.837</v>
      </c>
      <c r="D124" s="39">
        <v>33</v>
      </c>
      <c r="E124" s="37">
        <v>0</v>
      </c>
      <c r="F124" s="39">
        <v>8</v>
      </c>
      <c r="G124" s="37">
        <v>12.157</v>
      </c>
      <c r="H124" s="39">
        <v>31</v>
      </c>
      <c r="I124" s="37">
        <v>12.837</v>
      </c>
      <c r="J124" s="41">
        <v>33</v>
      </c>
      <c r="K124" s="37">
        <v>1.4890000000000001</v>
      </c>
      <c r="L124" s="39">
        <v>14</v>
      </c>
      <c r="M124" s="37">
        <v>1.5</v>
      </c>
      <c r="N124" s="39">
        <v>6</v>
      </c>
      <c r="O124" s="37">
        <v>1.494</v>
      </c>
      <c r="P124" s="39">
        <v>16</v>
      </c>
      <c r="Q124" s="37">
        <v>1.4890000000000001</v>
      </c>
      <c r="R124" s="41">
        <v>14</v>
      </c>
      <c r="S124" s="43">
        <v>19</v>
      </c>
      <c r="T124" s="39" t="s">
        <v>32</v>
      </c>
      <c r="U124" s="37">
        <v>1.7669999999999999</v>
      </c>
      <c r="V124" s="39">
        <v>24</v>
      </c>
      <c r="W124" s="37">
        <v>0</v>
      </c>
      <c r="X124" s="39">
        <v>20</v>
      </c>
      <c r="Y124" s="37">
        <v>1.8049999999999999</v>
      </c>
      <c r="Z124" s="39">
        <v>16</v>
      </c>
      <c r="AA124" s="37">
        <v>1.7669999999999999</v>
      </c>
      <c r="AB124" s="41">
        <v>24</v>
      </c>
      <c r="AC124" s="37">
        <v>1.7450000000000001</v>
      </c>
      <c r="AD124" s="39">
        <v>31</v>
      </c>
      <c r="AE124" s="37">
        <v>1.5</v>
      </c>
      <c r="AF124" s="39">
        <v>11</v>
      </c>
      <c r="AG124" s="37">
        <v>1.744</v>
      </c>
      <c r="AH124" s="38">
        <v>26</v>
      </c>
      <c r="AI124" s="37">
        <v>1.7450000000000001</v>
      </c>
      <c r="AJ124" s="59">
        <v>31</v>
      </c>
    </row>
    <row r="125" spans="1:36" s="1" customFormat="1" ht="14.1" customHeight="1" x14ac:dyDescent="0.15">
      <c r="A125" s="43">
        <v>20</v>
      </c>
      <c r="B125" s="58" t="s">
        <v>31</v>
      </c>
      <c r="C125" s="37">
        <v>14.992000000000001</v>
      </c>
      <c r="D125" s="39">
        <v>19</v>
      </c>
      <c r="E125" s="37">
        <v>0</v>
      </c>
      <c r="F125" s="39">
        <v>8</v>
      </c>
      <c r="G125" s="37">
        <v>13.582000000000001</v>
      </c>
      <c r="H125" s="39">
        <v>16</v>
      </c>
      <c r="I125" s="37">
        <v>14.992000000000001</v>
      </c>
      <c r="J125" s="41">
        <v>19</v>
      </c>
      <c r="K125" s="37">
        <v>1.45</v>
      </c>
      <c r="L125" s="39">
        <v>23</v>
      </c>
      <c r="M125" s="37">
        <v>0</v>
      </c>
      <c r="N125" s="39">
        <v>22</v>
      </c>
      <c r="O125" s="37">
        <v>1.4630000000000001</v>
      </c>
      <c r="P125" s="39">
        <v>20</v>
      </c>
      <c r="Q125" s="37">
        <v>1.45</v>
      </c>
      <c r="R125" s="41">
        <v>23</v>
      </c>
      <c r="S125" s="43">
        <v>20</v>
      </c>
      <c r="T125" s="39" t="s">
        <v>31</v>
      </c>
      <c r="U125" s="37">
        <v>1.671</v>
      </c>
      <c r="V125" s="39">
        <v>33</v>
      </c>
      <c r="W125" s="37">
        <v>1</v>
      </c>
      <c r="X125" s="39">
        <v>15</v>
      </c>
      <c r="Y125" s="37">
        <v>1.669</v>
      </c>
      <c r="Z125" s="39">
        <v>33</v>
      </c>
      <c r="AA125" s="37">
        <v>1.671</v>
      </c>
      <c r="AB125" s="41">
        <v>33</v>
      </c>
      <c r="AC125" s="37">
        <v>1.7909999999999999</v>
      </c>
      <c r="AD125" s="39">
        <v>26</v>
      </c>
      <c r="AE125" s="37">
        <v>1</v>
      </c>
      <c r="AF125" s="39">
        <v>19</v>
      </c>
      <c r="AG125" s="37">
        <v>1.762</v>
      </c>
      <c r="AH125" s="38">
        <v>22</v>
      </c>
      <c r="AI125" s="37">
        <v>1.7909999999999999</v>
      </c>
      <c r="AJ125" s="59">
        <v>26</v>
      </c>
    </row>
    <row r="126" spans="1:36" s="1" customFormat="1" ht="14.1" customHeight="1" x14ac:dyDescent="0.15">
      <c r="A126" s="43">
        <v>21</v>
      </c>
      <c r="B126" s="58" t="s">
        <v>30</v>
      </c>
      <c r="C126" s="37">
        <v>15.12</v>
      </c>
      <c r="D126" s="39">
        <v>18</v>
      </c>
      <c r="E126" s="37">
        <v>0</v>
      </c>
      <c r="F126" s="39">
        <v>8</v>
      </c>
      <c r="G126" s="37">
        <v>13.148999999999999</v>
      </c>
      <c r="H126" s="39">
        <v>25</v>
      </c>
      <c r="I126" s="37">
        <v>15.12</v>
      </c>
      <c r="J126" s="41">
        <v>18</v>
      </c>
      <c r="K126" s="37">
        <v>1.47</v>
      </c>
      <c r="L126" s="39">
        <v>17</v>
      </c>
      <c r="M126" s="37">
        <v>0</v>
      </c>
      <c r="N126" s="39">
        <v>22</v>
      </c>
      <c r="O126" s="37">
        <v>1.488</v>
      </c>
      <c r="P126" s="39">
        <v>17</v>
      </c>
      <c r="Q126" s="37">
        <v>1.47</v>
      </c>
      <c r="R126" s="41">
        <v>17</v>
      </c>
      <c r="S126" s="43">
        <v>21</v>
      </c>
      <c r="T126" s="39" t="s">
        <v>30</v>
      </c>
      <c r="U126" s="37">
        <v>1.7370000000000001</v>
      </c>
      <c r="V126" s="39">
        <v>28</v>
      </c>
      <c r="W126" s="37">
        <v>0</v>
      </c>
      <c r="X126" s="39">
        <v>20</v>
      </c>
      <c r="Y126" s="37">
        <v>1.7310000000000001</v>
      </c>
      <c r="Z126" s="39">
        <v>29</v>
      </c>
      <c r="AA126" s="37">
        <v>1.7370000000000001</v>
      </c>
      <c r="AB126" s="41">
        <v>28</v>
      </c>
      <c r="AC126" s="37">
        <v>1.827</v>
      </c>
      <c r="AD126" s="39">
        <v>14</v>
      </c>
      <c r="AE126" s="37">
        <v>0</v>
      </c>
      <c r="AF126" s="39">
        <v>25</v>
      </c>
      <c r="AG126" s="37">
        <v>1.776</v>
      </c>
      <c r="AH126" s="38">
        <v>20</v>
      </c>
      <c r="AI126" s="37">
        <v>1.827</v>
      </c>
      <c r="AJ126" s="59">
        <v>14</v>
      </c>
    </row>
    <row r="127" spans="1:36" s="1" customFormat="1" ht="14.1" customHeight="1" x14ac:dyDescent="0.15">
      <c r="A127" s="43">
        <v>22</v>
      </c>
      <c r="B127" s="58" t="s">
        <v>29</v>
      </c>
      <c r="C127" s="37">
        <v>16.523</v>
      </c>
      <c r="D127" s="39">
        <v>6</v>
      </c>
      <c r="E127" s="37">
        <v>3</v>
      </c>
      <c r="F127" s="39">
        <v>4</v>
      </c>
      <c r="G127" s="37">
        <v>14.127000000000001</v>
      </c>
      <c r="H127" s="39">
        <v>12</v>
      </c>
      <c r="I127" s="37">
        <v>16.515000000000001</v>
      </c>
      <c r="J127" s="41">
        <v>7</v>
      </c>
      <c r="K127" s="37">
        <v>1.391</v>
      </c>
      <c r="L127" s="39">
        <v>31</v>
      </c>
      <c r="M127" s="37">
        <v>1.3</v>
      </c>
      <c r="N127" s="39">
        <v>10</v>
      </c>
      <c r="O127" s="37">
        <v>1.3740000000000001</v>
      </c>
      <c r="P127" s="39">
        <v>31</v>
      </c>
      <c r="Q127" s="37">
        <v>1.391</v>
      </c>
      <c r="R127" s="41">
        <v>31</v>
      </c>
      <c r="S127" s="43">
        <v>22</v>
      </c>
      <c r="T127" s="39" t="s">
        <v>29</v>
      </c>
      <c r="U127" s="37">
        <v>1.706</v>
      </c>
      <c r="V127" s="39">
        <v>31</v>
      </c>
      <c r="W127" s="37">
        <v>0</v>
      </c>
      <c r="X127" s="39">
        <v>20</v>
      </c>
      <c r="Y127" s="37">
        <v>1.7190000000000001</v>
      </c>
      <c r="Z127" s="39">
        <v>30</v>
      </c>
      <c r="AA127" s="37">
        <v>1.706</v>
      </c>
      <c r="AB127" s="41">
        <v>31</v>
      </c>
      <c r="AC127" s="37">
        <v>1.798</v>
      </c>
      <c r="AD127" s="39">
        <v>24</v>
      </c>
      <c r="AE127" s="37">
        <v>1.381</v>
      </c>
      <c r="AF127" s="39">
        <v>14</v>
      </c>
      <c r="AG127" s="37">
        <v>1.6890000000000001</v>
      </c>
      <c r="AH127" s="38">
        <v>32</v>
      </c>
      <c r="AI127" s="37">
        <v>1.798</v>
      </c>
      <c r="AJ127" s="59">
        <v>24</v>
      </c>
    </row>
    <row r="128" spans="1:36" s="1" customFormat="1" ht="14.1" customHeight="1" x14ac:dyDescent="0.15">
      <c r="A128" s="43">
        <v>23</v>
      </c>
      <c r="B128" s="58" t="s">
        <v>28</v>
      </c>
      <c r="C128" s="37">
        <v>16.530999999999999</v>
      </c>
      <c r="D128" s="39">
        <v>5</v>
      </c>
      <c r="E128" s="37">
        <v>0</v>
      </c>
      <c r="F128" s="39">
        <v>8</v>
      </c>
      <c r="G128" s="37">
        <v>15.337</v>
      </c>
      <c r="H128" s="39">
        <v>4</v>
      </c>
      <c r="I128" s="37">
        <v>16.530999999999999</v>
      </c>
      <c r="J128" s="41">
        <v>5</v>
      </c>
      <c r="K128" s="37">
        <v>1.46</v>
      </c>
      <c r="L128" s="39">
        <v>21</v>
      </c>
      <c r="M128" s="37">
        <v>1</v>
      </c>
      <c r="N128" s="39">
        <v>14</v>
      </c>
      <c r="O128" s="37">
        <v>1.4410000000000001</v>
      </c>
      <c r="P128" s="39">
        <v>24</v>
      </c>
      <c r="Q128" s="37">
        <v>1.46</v>
      </c>
      <c r="R128" s="41">
        <v>21</v>
      </c>
      <c r="S128" s="43">
        <v>23</v>
      </c>
      <c r="T128" s="39" t="s">
        <v>28</v>
      </c>
      <c r="U128" s="37">
        <v>1.804</v>
      </c>
      <c r="V128" s="39">
        <v>15</v>
      </c>
      <c r="W128" s="37">
        <v>2</v>
      </c>
      <c r="X128" s="39">
        <v>8</v>
      </c>
      <c r="Y128" s="37">
        <v>1.819</v>
      </c>
      <c r="Z128" s="39">
        <v>15</v>
      </c>
      <c r="AA128" s="37">
        <v>1.804</v>
      </c>
      <c r="AB128" s="41">
        <v>15</v>
      </c>
      <c r="AC128" s="37">
        <v>1.841</v>
      </c>
      <c r="AD128" s="39">
        <v>12</v>
      </c>
      <c r="AE128" s="37">
        <v>1.5</v>
      </c>
      <c r="AF128" s="39">
        <v>11</v>
      </c>
      <c r="AG128" s="37">
        <v>1.796</v>
      </c>
      <c r="AH128" s="38">
        <v>16</v>
      </c>
      <c r="AI128" s="37">
        <v>1.841</v>
      </c>
      <c r="AJ128" s="59">
        <v>12</v>
      </c>
    </row>
    <row r="129" spans="1:36" s="1" customFormat="1" ht="14.1" customHeight="1" x14ac:dyDescent="0.15">
      <c r="A129" s="43">
        <v>24</v>
      </c>
      <c r="B129" s="58" t="s">
        <v>27</v>
      </c>
      <c r="C129" s="37">
        <v>14.551</v>
      </c>
      <c r="D129" s="39">
        <v>23</v>
      </c>
      <c r="E129" s="37">
        <v>0</v>
      </c>
      <c r="F129" s="39">
        <v>8</v>
      </c>
      <c r="G129" s="37">
        <v>13.868</v>
      </c>
      <c r="H129" s="39">
        <v>14</v>
      </c>
      <c r="I129" s="37">
        <v>14.551</v>
      </c>
      <c r="J129" s="41">
        <v>23</v>
      </c>
      <c r="K129" s="37">
        <v>1.4430000000000001</v>
      </c>
      <c r="L129" s="39">
        <v>25</v>
      </c>
      <c r="M129" s="37">
        <v>0</v>
      </c>
      <c r="N129" s="39">
        <v>22</v>
      </c>
      <c r="O129" s="37">
        <v>1.429</v>
      </c>
      <c r="P129" s="39">
        <v>26</v>
      </c>
      <c r="Q129" s="37">
        <v>1.4430000000000001</v>
      </c>
      <c r="R129" s="41">
        <v>25</v>
      </c>
      <c r="S129" s="43">
        <v>24</v>
      </c>
      <c r="T129" s="39" t="s">
        <v>27</v>
      </c>
      <c r="U129" s="37">
        <v>1.899</v>
      </c>
      <c r="V129" s="39">
        <v>1</v>
      </c>
      <c r="W129" s="37">
        <v>0</v>
      </c>
      <c r="X129" s="39">
        <v>20</v>
      </c>
      <c r="Y129" s="37">
        <v>1.952</v>
      </c>
      <c r="Z129" s="39">
        <v>1</v>
      </c>
      <c r="AA129" s="37">
        <v>1.899</v>
      </c>
      <c r="AB129" s="41">
        <v>1</v>
      </c>
      <c r="AC129" s="37">
        <v>1.8109999999999999</v>
      </c>
      <c r="AD129" s="39">
        <v>18</v>
      </c>
      <c r="AE129" s="37">
        <v>0</v>
      </c>
      <c r="AF129" s="39">
        <v>25</v>
      </c>
      <c r="AG129" s="37">
        <v>1.79</v>
      </c>
      <c r="AH129" s="38">
        <v>17</v>
      </c>
      <c r="AI129" s="37">
        <v>1.8109999999999999</v>
      </c>
      <c r="AJ129" s="59">
        <v>18</v>
      </c>
    </row>
    <row r="130" spans="1:36" s="1" customFormat="1" ht="14.1" customHeight="1" x14ac:dyDescent="0.15">
      <c r="A130" s="43">
        <v>25</v>
      </c>
      <c r="B130" s="58" t="s">
        <v>26</v>
      </c>
      <c r="C130" s="37">
        <v>14.492000000000001</v>
      </c>
      <c r="D130" s="39">
        <v>25</v>
      </c>
      <c r="E130" s="37">
        <v>0</v>
      </c>
      <c r="F130" s="39">
        <v>8</v>
      </c>
      <c r="G130" s="37">
        <v>14.308999999999999</v>
      </c>
      <c r="H130" s="39">
        <v>11</v>
      </c>
      <c r="I130" s="37">
        <v>14.492000000000001</v>
      </c>
      <c r="J130" s="41">
        <v>25</v>
      </c>
      <c r="K130" s="37">
        <v>1.42</v>
      </c>
      <c r="L130" s="39">
        <v>29</v>
      </c>
      <c r="M130" s="37">
        <v>0</v>
      </c>
      <c r="N130" s="39">
        <v>22</v>
      </c>
      <c r="O130" s="37">
        <v>1.5629999999999999</v>
      </c>
      <c r="P130" s="39">
        <v>2</v>
      </c>
      <c r="Q130" s="37">
        <v>1.42</v>
      </c>
      <c r="R130" s="41">
        <v>29</v>
      </c>
      <c r="S130" s="43">
        <v>25</v>
      </c>
      <c r="T130" s="39" t="s">
        <v>26</v>
      </c>
      <c r="U130" s="37">
        <v>1.8340000000000001</v>
      </c>
      <c r="V130" s="39">
        <v>7</v>
      </c>
      <c r="W130" s="37">
        <v>0</v>
      </c>
      <c r="X130" s="39">
        <v>20</v>
      </c>
      <c r="Y130" s="37">
        <v>1.915</v>
      </c>
      <c r="Z130" s="39">
        <v>2</v>
      </c>
      <c r="AA130" s="37">
        <v>1.8340000000000001</v>
      </c>
      <c r="AB130" s="41">
        <v>7</v>
      </c>
      <c r="AC130" s="37">
        <v>1.708</v>
      </c>
      <c r="AD130" s="39">
        <v>33</v>
      </c>
      <c r="AE130" s="37">
        <v>0</v>
      </c>
      <c r="AF130" s="39">
        <v>25</v>
      </c>
      <c r="AG130" s="37">
        <v>1.843</v>
      </c>
      <c r="AH130" s="38">
        <v>8</v>
      </c>
      <c r="AI130" s="37">
        <v>1.708</v>
      </c>
      <c r="AJ130" s="59">
        <v>33</v>
      </c>
    </row>
    <row r="131" spans="1:36" s="1" customFormat="1" ht="14.1" customHeight="1" x14ac:dyDescent="0.15">
      <c r="A131" s="43">
        <v>26</v>
      </c>
      <c r="B131" s="58" t="s">
        <v>25</v>
      </c>
      <c r="C131" s="37">
        <v>15.483000000000001</v>
      </c>
      <c r="D131" s="39">
        <v>14</v>
      </c>
      <c r="E131" s="37">
        <v>0</v>
      </c>
      <c r="F131" s="39">
        <v>8</v>
      </c>
      <c r="G131" s="37">
        <v>13.368</v>
      </c>
      <c r="H131" s="39">
        <v>20</v>
      </c>
      <c r="I131" s="37">
        <v>15.483000000000001</v>
      </c>
      <c r="J131" s="41">
        <v>14</v>
      </c>
      <c r="K131" s="37">
        <v>1.4279999999999999</v>
      </c>
      <c r="L131" s="39">
        <v>28</v>
      </c>
      <c r="M131" s="37">
        <v>1</v>
      </c>
      <c r="N131" s="39">
        <v>14</v>
      </c>
      <c r="O131" s="37">
        <v>1.3979999999999999</v>
      </c>
      <c r="P131" s="39">
        <v>29</v>
      </c>
      <c r="Q131" s="37">
        <v>1.4279999999999999</v>
      </c>
      <c r="R131" s="41">
        <v>28</v>
      </c>
      <c r="S131" s="43">
        <v>26</v>
      </c>
      <c r="T131" s="39" t="s">
        <v>25</v>
      </c>
      <c r="U131" s="37">
        <v>1.825</v>
      </c>
      <c r="V131" s="39">
        <v>10</v>
      </c>
      <c r="W131" s="37">
        <v>0</v>
      </c>
      <c r="X131" s="39">
        <v>20</v>
      </c>
      <c r="Y131" s="37">
        <v>1.849</v>
      </c>
      <c r="Z131" s="39">
        <v>11</v>
      </c>
      <c r="AA131" s="37">
        <v>1.825</v>
      </c>
      <c r="AB131" s="41">
        <v>10</v>
      </c>
      <c r="AC131" s="37">
        <v>1.8140000000000001</v>
      </c>
      <c r="AD131" s="39">
        <v>17</v>
      </c>
      <c r="AE131" s="37">
        <v>1</v>
      </c>
      <c r="AF131" s="39">
        <v>19</v>
      </c>
      <c r="AG131" s="37">
        <v>1.7230000000000001</v>
      </c>
      <c r="AH131" s="38">
        <v>30</v>
      </c>
      <c r="AI131" s="37">
        <v>1.8129999999999999</v>
      </c>
      <c r="AJ131" s="59">
        <v>17</v>
      </c>
    </row>
    <row r="132" spans="1:36" s="1" customFormat="1" ht="14.1" customHeight="1" x14ac:dyDescent="0.15">
      <c r="A132" s="43">
        <v>27</v>
      </c>
      <c r="B132" s="58" t="s">
        <v>24</v>
      </c>
      <c r="C132" s="37">
        <v>18.137</v>
      </c>
      <c r="D132" s="39">
        <v>1</v>
      </c>
      <c r="E132" s="37">
        <v>0</v>
      </c>
      <c r="F132" s="39">
        <v>8</v>
      </c>
      <c r="G132" s="37">
        <v>17.634</v>
      </c>
      <c r="H132" s="39">
        <v>1</v>
      </c>
      <c r="I132" s="37">
        <v>18.137</v>
      </c>
      <c r="J132" s="41">
        <v>1</v>
      </c>
      <c r="K132" s="37">
        <v>1.4610000000000001</v>
      </c>
      <c r="L132" s="39">
        <v>20</v>
      </c>
      <c r="M132" s="37">
        <v>0</v>
      </c>
      <c r="N132" s="39">
        <v>22</v>
      </c>
      <c r="O132" s="37">
        <v>1.4219999999999999</v>
      </c>
      <c r="P132" s="39">
        <v>28</v>
      </c>
      <c r="Q132" s="37">
        <v>1.4610000000000001</v>
      </c>
      <c r="R132" s="41">
        <v>20</v>
      </c>
      <c r="S132" s="43">
        <v>27</v>
      </c>
      <c r="T132" s="39" t="s">
        <v>24</v>
      </c>
      <c r="U132" s="37">
        <v>1.8879999999999999</v>
      </c>
      <c r="V132" s="39">
        <v>3</v>
      </c>
      <c r="W132" s="37">
        <v>0</v>
      </c>
      <c r="X132" s="39">
        <v>20</v>
      </c>
      <c r="Y132" s="37">
        <v>1.913</v>
      </c>
      <c r="Z132" s="39">
        <v>3</v>
      </c>
      <c r="AA132" s="37">
        <v>1.8879999999999999</v>
      </c>
      <c r="AB132" s="41">
        <v>3</v>
      </c>
      <c r="AC132" s="37">
        <v>1.9970000000000001</v>
      </c>
      <c r="AD132" s="39">
        <v>1</v>
      </c>
      <c r="AE132" s="37">
        <v>0</v>
      </c>
      <c r="AF132" s="39">
        <v>25</v>
      </c>
      <c r="AG132" s="37">
        <v>1.9510000000000001</v>
      </c>
      <c r="AH132" s="38">
        <v>1</v>
      </c>
      <c r="AI132" s="37">
        <v>1.9970000000000001</v>
      </c>
      <c r="AJ132" s="59">
        <v>1</v>
      </c>
    </row>
    <row r="133" spans="1:36" s="1" customFormat="1" ht="14.1" customHeight="1" x14ac:dyDescent="0.15">
      <c r="A133" s="43">
        <v>28</v>
      </c>
      <c r="B133" s="58" t="s">
        <v>23</v>
      </c>
      <c r="C133" s="37">
        <v>15.303000000000001</v>
      </c>
      <c r="D133" s="39">
        <v>16</v>
      </c>
      <c r="E133" s="37">
        <v>0</v>
      </c>
      <c r="F133" s="39">
        <v>8</v>
      </c>
      <c r="G133" s="37">
        <v>13.260999999999999</v>
      </c>
      <c r="H133" s="39">
        <v>24</v>
      </c>
      <c r="I133" s="37">
        <v>15.303000000000001</v>
      </c>
      <c r="J133" s="41">
        <v>16</v>
      </c>
      <c r="K133" s="37">
        <v>1.4390000000000001</v>
      </c>
      <c r="L133" s="39">
        <v>26</v>
      </c>
      <c r="M133" s="37">
        <v>1</v>
      </c>
      <c r="N133" s="39">
        <v>14</v>
      </c>
      <c r="O133" s="37">
        <v>1.45</v>
      </c>
      <c r="P133" s="39">
        <v>23</v>
      </c>
      <c r="Q133" s="37">
        <v>1.4390000000000001</v>
      </c>
      <c r="R133" s="41">
        <v>26</v>
      </c>
      <c r="S133" s="43">
        <v>28</v>
      </c>
      <c r="T133" s="39" t="s">
        <v>23</v>
      </c>
      <c r="U133" s="37">
        <v>1.893</v>
      </c>
      <c r="V133" s="39">
        <v>2</v>
      </c>
      <c r="W133" s="37">
        <v>0</v>
      </c>
      <c r="X133" s="39">
        <v>20</v>
      </c>
      <c r="Y133" s="37">
        <v>1.885</v>
      </c>
      <c r="Z133" s="39">
        <v>6</v>
      </c>
      <c r="AA133" s="37">
        <v>1.893</v>
      </c>
      <c r="AB133" s="41">
        <v>2</v>
      </c>
      <c r="AC133" s="37">
        <v>1.81</v>
      </c>
      <c r="AD133" s="39">
        <v>20</v>
      </c>
      <c r="AE133" s="37">
        <v>1</v>
      </c>
      <c r="AF133" s="39">
        <v>19</v>
      </c>
      <c r="AG133" s="37">
        <v>1.73</v>
      </c>
      <c r="AH133" s="38">
        <v>29</v>
      </c>
      <c r="AI133" s="37">
        <v>1.81</v>
      </c>
      <c r="AJ133" s="36">
        <v>19</v>
      </c>
    </row>
    <row r="134" spans="1:36" s="1" customFormat="1" ht="14.1" customHeight="1" x14ac:dyDescent="0.15">
      <c r="A134" s="43">
        <v>29</v>
      </c>
      <c r="B134" s="58" t="s">
        <v>22</v>
      </c>
      <c r="C134" s="37">
        <v>16.456</v>
      </c>
      <c r="D134" s="39">
        <v>8</v>
      </c>
      <c r="E134" s="37">
        <v>0</v>
      </c>
      <c r="F134" s="39">
        <v>8</v>
      </c>
      <c r="G134" s="37">
        <v>14.627000000000001</v>
      </c>
      <c r="H134" s="39">
        <v>8</v>
      </c>
      <c r="I134" s="37">
        <v>16.456</v>
      </c>
      <c r="J134" s="41">
        <v>8</v>
      </c>
      <c r="K134" s="37">
        <v>1.506</v>
      </c>
      <c r="L134" s="39">
        <v>9</v>
      </c>
      <c r="M134" s="37">
        <v>1</v>
      </c>
      <c r="N134" s="39">
        <v>14</v>
      </c>
      <c r="O134" s="37">
        <v>1.5209999999999999</v>
      </c>
      <c r="P134" s="39">
        <v>10</v>
      </c>
      <c r="Q134" s="37">
        <v>1.506</v>
      </c>
      <c r="R134" s="41">
        <v>9</v>
      </c>
      <c r="S134" s="43">
        <v>29</v>
      </c>
      <c r="T134" s="39" t="s">
        <v>22</v>
      </c>
      <c r="U134" s="37">
        <v>1.8220000000000001</v>
      </c>
      <c r="V134" s="39">
        <v>11</v>
      </c>
      <c r="W134" s="37">
        <v>0</v>
      </c>
      <c r="X134" s="39">
        <v>20</v>
      </c>
      <c r="Y134" s="37">
        <v>1.8360000000000001</v>
      </c>
      <c r="Z134" s="39">
        <v>12</v>
      </c>
      <c r="AA134" s="37">
        <v>1.8220000000000001</v>
      </c>
      <c r="AB134" s="41">
        <v>11</v>
      </c>
      <c r="AC134" s="37">
        <v>1.946</v>
      </c>
      <c r="AD134" s="39">
        <v>3</v>
      </c>
      <c r="AE134" s="37">
        <v>1</v>
      </c>
      <c r="AF134" s="39">
        <v>19</v>
      </c>
      <c r="AG134" s="37">
        <v>1.909</v>
      </c>
      <c r="AH134" s="38">
        <v>2</v>
      </c>
      <c r="AI134" s="37">
        <v>1.946</v>
      </c>
      <c r="AJ134" s="36">
        <v>3</v>
      </c>
    </row>
    <row r="135" spans="1:36" s="1" customFormat="1" ht="14.1" customHeight="1" x14ac:dyDescent="0.15">
      <c r="A135" s="43">
        <v>30</v>
      </c>
      <c r="B135" s="58" t="s">
        <v>21</v>
      </c>
      <c r="C135" s="37">
        <v>14.749000000000001</v>
      </c>
      <c r="D135" s="39">
        <v>22</v>
      </c>
      <c r="E135" s="37">
        <v>3</v>
      </c>
      <c r="F135" s="39">
        <v>4</v>
      </c>
      <c r="G135" s="37">
        <v>13.266</v>
      </c>
      <c r="H135" s="39">
        <v>23</v>
      </c>
      <c r="I135" s="37">
        <v>14.728</v>
      </c>
      <c r="J135" s="41">
        <v>22</v>
      </c>
      <c r="K135" s="37">
        <v>1.381</v>
      </c>
      <c r="L135" s="39">
        <v>32</v>
      </c>
      <c r="M135" s="37">
        <v>1.5449999999999999</v>
      </c>
      <c r="N135" s="39">
        <v>5</v>
      </c>
      <c r="O135" s="37">
        <v>1.3460000000000001</v>
      </c>
      <c r="P135" s="39">
        <v>33</v>
      </c>
      <c r="Q135" s="37">
        <v>1.381</v>
      </c>
      <c r="R135" s="41">
        <v>32</v>
      </c>
      <c r="S135" s="43">
        <v>30</v>
      </c>
      <c r="T135" s="39" t="s">
        <v>21</v>
      </c>
      <c r="U135" s="37">
        <v>1.8169999999999999</v>
      </c>
      <c r="V135" s="39">
        <v>12</v>
      </c>
      <c r="W135" s="37">
        <v>1.5289999999999999</v>
      </c>
      <c r="X135" s="39">
        <v>12</v>
      </c>
      <c r="Y135" s="37">
        <v>1.905</v>
      </c>
      <c r="Z135" s="39">
        <v>4</v>
      </c>
      <c r="AA135" s="37">
        <v>1.8160000000000001</v>
      </c>
      <c r="AB135" s="41">
        <v>12</v>
      </c>
      <c r="AC135" s="37">
        <v>1.8109999999999999</v>
      </c>
      <c r="AD135" s="39">
        <v>18</v>
      </c>
      <c r="AE135" s="37">
        <v>1.569</v>
      </c>
      <c r="AF135" s="39">
        <v>7</v>
      </c>
      <c r="AG135" s="37">
        <v>1.764</v>
      </c>
      <c r="AH135" s="38">
        <v>21</v>
      </c>
      <c r="AI135" s="37">
        <v>1.81</v>
      </c>
      <c r="AJ135" s="36">
        <v>19</v>
      </c>
    </row>
    <row r="136" spans="1:36" s="1" customFormat="1" ht="14.1" customHeight="1" x14ac:dyDescent="0.15">
      <c r="A136" s="43">
        <v>31</v>
      </c>
      <c r="B136" s="58" t="s">
        <v>20</v>
      </c>
      <c r="C136" s="37">
        <v>13.997</v>
      </c>
      <c r="D136" s="39">
        <v>28</v>
      </c>
      <c r="E136" s="37">
        <v>0</v>
      </c>
      <c r="F136" s="39">
        <v>8</v>
      </c>
      <c r="G136" s="37">
        <v>12.855</v>
      </c>
      <c r="H136" s="39">
        <v>27</v>
      </c>
      <c r="I136" s="37">
        <v>13.997</v>
      </c>
      <c r="J136" s="41">
        <v>28</v>
      </c>
      <c r="K136" s="37">
        <v>1.37</v>
      </c>
      <c r="L136" s="39">
        <v>33</v>
      </c>
      <c r="M136" s="37">
        <v>0</v>
      </c>
      <c r="N136" s="39">
        <v>22</v>
      </c>
      <c r="O136" s="37">
        <v>1.3480000000000001</v>
      </c>
      <c r="P136" s="39">
        <v>32</v>
      </c>
      <c r="Q136" s="37">
        <v>1.37</v>
      </c>
      <c r="R136" s="41">
        <v>33</v>
      </c>
      <c r="S136" s="43">
        <v>31</v>
      </c>
      <c r="T136" s="39" t="s">
        <v>20</v>
      </c>
      <c r="U136" s="37">
        <v>1.7749999999999999</v>
      </c>
      <c r="V136" s="39">
        <v>21</v>
      </c>
      <c r="W136" s="37">
        <v>0</v>
      </c>
      <c r="X136" s="39">
        <v>20</v>
      </c>
      <c r="Y136" s="37">
        <v>1.794</v>
      </c>
      <c r="Z136" s="39">
        <v>20</v>
      </c>
      <c r="AA136" s="37">
        <v>1.7749999999999999</v>
      </c>
      <c r="AB136" s="41">
        <v>21</v>
      </c>
      <c r="AC136" s="37">
        <v>1.7390000000000001</v>
      </c>
      <c r="AD136" s="39">
        <v>32</v>
      </c>
      <c r="AE136" s="37">
        <v>0</v>
      </c>
      <c r="AF136" s="39">
        <v>25</v>
      </c>
      <c r="AG136" s="37">
        <v>1.6870000000000001</v>
      </c>
      <c r="AH136" s="38">
        <v>33</v>
      </c>
      <c r="AI136" s="37">
        <v>1.7390000000000001</v>
      </c>
      <c r="AJ136" s="36">
        <v>32</v>
      </c>
    </row>
    <row r="137" spans="1:36" s="1" customFormat="1" ht="14.1" customHeight="1" x14ac:dyDescent="0.15">
      <c r="A137" s="43">
        <v>32</v>
      </c>
      <c r="B137" s="58" t="s">
        <v>19</v>
      </c>
      <c r="C137" s="37">
        <v>15.673999999999999</v>
      </c>
      <c r="D137" s="39">
        <v>13</v>
      </c>
      <c r="E137" s="37">
        <v>0</v>
      </c>
      <c r="F137" s="39">
        <v>8</v>
      </c>
      <c r="G137" s="37">
        <v>13.532</v>
      </c>
      <c r="H137" s="39">
        <v>17</v>
      </c>
      <c r="I137" s="37">
        <v>15.673999999999999</v>
      </c>
      <c r="J137" s="41">
        <v>13</v>
      </c>
      <c r="K137" s="37">
        <v>1.47</v>
      </c>
      <c r="L137" s="39">
        <v>17</v>
      </c>
      <c r="M137" s="37">
        <v>0</v>
      </c>
      <c r="N137" s="39">
        <v>22</v>
      </c>
      <c r="O137" s="37">
        <v>1.474</v>
      </c>
      <c r="P137" s="39">
        <v>19</v>
      </c>
      <c r="Q137" s="37">
        <v>1.47</v>
      </c>
      <c r="R137" s="41">
        <v>17</v>
      </c>
      <c r="S137" s="43">
        <v>32</v>
      </c>
      <c r="T137" s="39" t="s">
        <v>19</v>
      </c>
      <c r="U137" s="37">
        <v>1.8740000000000001</v>
      </c>
      <c r="V137" s="39">
        <v>5</v>
      </c>
      <c r="W137" s="37">
        <v>0</v>
      </c>
      <c r="X137" s="39">
        <v>20</v>
      </c>
      <c r="Y137" s="37">
        <v>1.8839999999999999</v>
      </c>
      <c r="Z137" s="39">
        <v>7</v>
      </c>
      <c r="AA137" s="37">
        <v>1.8740000000000001</v>
      </c>
      <c r="AB137" s="41">
        <v>5</v>
      </c>
      <c r="AC137" s="37">
        <v>1.883</v>
      </c>
      <c r="AD137" s="39">
        <v>6</v>
      </c>
      <c r="AE137" s="37">
        <v>0</v>
      </c>
      <c r="AF137" s="39">
        <v>25</v>
      </c>
      <c r="AG137" s="37">
        <v>1.8160000000000001</v>
      </c>
      <c r="AH137" s="38">
        <v>12</v>
      </c>
      <c r="AI137" s="37">
        <v>1.883</v>
      </c>
      <c r="AJ137" s="36">
        <v>6</v>
      </c>
    </row>
    <row r="138" spans="1:36" s="1" customFormat="1" ht="14.1" customHeight="1" thickBot="1" x14ac:dyDescent="0.2">
      <c r="A138" s="56">
        <v>33</v>
      </c>
      <c r="B138" s="57" t="s">
        <v>18</v>
      </c>
      <c r="C138" s="18">
        <v>17.922000000000001</v>
      </c>
      <c r="D138" s="29">
        <v>2</v>
      </c>
      <c r="E138" s="18">
        <v>0</v>
      </c>
      <c r="F138" s="29">
        <v>8</v>
      </c>
      <c r="G138" s="18">
        <v>13.769</v>
      </c>
      <c r="H138" s="29">
        <v>15</v>
      </c>
      <c r="I138" s="27">
        <v>17.922000000000001</v>
      </c>
      <c r="J138" s="31">
        <v>2</v>
      </c>
      <c r="K138" s="18">
        <v>1.4339999999999999</v>
      </c>
      <c r="L138" s="29">
        <v>27</v>
      </c>
      <c r="M138" s="18">
        <v>0</v>
      </c>
      <c r="N138" s="29">
        <v>22</v>
      </c>
      <c r="O138" s="18">
        <v>1.4950000000000001</v>
      </c>
      <c r="P138" s="29">
        <v>15</v>
      </c>
      <c r="Q138" s="27">
        <v>1.4339999999999999</v>
      </c>
      <c r="R138" s="31">
        <v>27</v>
      </c>
      <c r="S138" s="56">
        <v>33</v>
      </c>
      <c r="T138" s="29" t="s">
        <v>18</v>
      </c>
      <c r="U138" s="18">
        <v>1.76</v>
      </c>
      <c r="V138" s="29">
        <v>25</v>
      </c>
      <c r="W138" s="18">
        <v>0</v>
      </c>
      <c r="X138" s="29">
        <v>20</v>
      </c>
      <c r="Y138" s="18">
        <v>1.7669999999999999</v>
      </c>
      <c r="Z138" s="29">
        <v>25</v>
      </c>
      <c r="AA138" s="27">
        <v>1.76</v>
      </c>
      <c r="AB138" s="31">
        <v>25</v>
      </c>
      <c r="AC138" s="18">
        <v>1.97</v>
      </c>
      <c r="AD138" s="29">
        <v>2</v>
      </c>
      <c r="AE138" s="18">
        <v>0</v>
      </c>
      <c r="AF138" s="29">
        <v>25</v>
      </c>
      <c r="AG138" s="18">
        <v>1.857</v>
      </c>
      <c r="AH138" s="28">
        <v>6</v>
      </c>
      <c r="AI138" s="27">
        <v>1.97</v>
      </c>
      <c r="AJ138" s="26">
        <v>2</v>
      </c>
    </row>
    <row r="139" spans="1:36" s="1" customFormat="1" ht="14.1" customHeight="1" thickTop="1" x14ac:dyDescent="0.15">
      <c r="A139" s="53">
        <v>301</v>
      </c>
      <c r="B139" s="45" t="s">
        <v>17</v>
      </c>
      <c r="C139" s="48">
        <v>9.2539999999999996</v>
      </c>
      <c r="D139" s="49">
        <v>4</v>
      </c>
      <c r="E139" s="54" t="s">
        <v>65</v>
      </c>
      <c r="F139" s="54" t="s">
        <v>0</v>
      </c>
      <c r="G139" s="48">
        <v>8.9570000000000007</v>
      </c>
      <c r="H139" s="49">
        <v>5</v>
      </c>
      <c r="I139" s="46">
        <v>9.2539999999999996</v>
      </c>
      <c r="J139" s="52">
        <v>4</v>
      </c>
      <c r="K139" s="48">
        <v>1.367</v>
      </c>
      <c r="L139" s="49">
        <v>4</v>
      </c>
      <c r="M139" s="50" t="s">
        <v>66</v>
      </c>
      <c r="N139" s="50" t="s">
        <v>65</v>
      </c>
      <c r="O139" s="48">
        <v>1.4159999999999999</v>
      </c>
      <c r="P139" s="49">
        <v>6</v>
      </c>
      <c r="Q139" s="46">
        <v>1.367</v>
      </c>
      <c r="R139" s="52">
        <v>4</v>
      </c>
      <c r="S139" s="53">
        <v>301</v>
      </c>
      <c r="T139" s="42" t="s">
        <v>17</v>
      </c>
      <c r="U139" s="48">
        <v>1.5509999999999999</v>
      </c>
      <c r="V139" s="49">
        <v>5</v>
      </c>
      <c r="W139" s="50" t="s">
        <v>68</v>
      </c>
      <c r="X139" s="50" t="s">
        <v>68</v>
      </c>
      <c r="Y139" s="48">
        <v>1.613</v>
      </c>
      <c r="Z139" s="49">
        <v>6</v>
      </c>
      <c r="AA139" s="46">
        <v>1.5509999999999999</v>
      </c>
      <c r="AB139" s="52">
        <v>5</v>
      </c>
      <c r="AC139" s="48">
        <v>1.4930000000000001</v>
      </c>
      <c r="AD139" s="49">
        <v>5</v>
      </c>
      <c r="AE139" s="50" t="s">
        <v>66</v>
      </c>
      <c r="AF139" s="50" t="s">
        <v>0</v>
      </c>
      <c r="AG139" s="48">
        <v>1.579</v>
      </c>
      <c r="AH139" s="47">
        <v>5</v>
      </c>
      <c r="AI139" s="46">
        <v>1.4930000000000001</v>
      </c>
      <c r="AJ139" s="36">
        <v>5</v>
      </c>
    </row>
    <row r="140" spans="1:36" s="1" customFormat="1" ht="14.1" customHeight="1" x14ac:dyDescent="0.15">
      <c r="A140" s="43">
        <v>302</v>
      </c>
      <c r="B140" s="45" t="s">
        <v>80</v>
      </c>
      <c r="C140" s="37">
        <v>7.992</v>
      </c>
      <c r="D140" s="39">
        <v>6</v>
      </c>
      <c r="E140" s="44" t="s">
        <v>68</v>
      </c>
      <c r="F140" s="44" t="s">
        <v>68</v>
      </c>
      <c r="G140" s="37">
        <v>7.6989999999999998</v>
      </c>
      <c r="H140" s="39">
        <v>6</v>
      </c>
      <c r="I140" s="37">
        <v>7.992</v>
      </c>
      <c r="J140" s="41">
        <v>6</v>
      </c>
      <c r="K140" s="37">
        <v>1.3520000000000001</v>
      </c>
      <c r="L140" s="39">
        <v>6</v>
      </c>
      <c r="M140" s="40" t="s">
        <v>66</v>
      </c>
      <c r="N140" s="40" t="s">
        <v>65</v>
      </c>
      <c r="O140" s="37">
        <v>1.425</v>
      </c>
      <c r="P140" s="39">
        <v>4</v>
      </c>
      <c r="Q140" s="37">
        <v>1.3520000000000001</v>
      </c>
      <c r="R140" s="41">
        <v>6</v>
      </c>
      <c r="S140" s="43">
        <v>302</v>
      </c>
      <c r="T140" s="42" t="s">
        <v>16</v>
      </c>
      <c r="U140" s="37">
        <v>1.55</v>
      </c>
      <c r="V140" s="39">
        <v>6</v>
      </c>
      <c r="W140" s="40" t="s">
        <v>68</v>
      </c>
      <c r="X140" s="40" t="s">
        <v>65</v>
      </c>
      <c r="Y140" s="37">
        <v>1.655</v>
      </c>
      <c r="Z140" s="39">
        <v>4</v>
      </c>
      <c r="AA140" s="37">
        <v>1.55</v>
      </c>
      <c r="AB140" s="41">
        <v>6</v>
      </c>
      <c r="AC140" s="37">
        <v>1.456</v>
      </c>
      <c r="AD140" s="39">
        <v>6</v>
      </c>
      <c r="AE140" s="40" t="s">
        <v>66</v>
      </c>
      <c r="AF140" s="40" t="s">
        <v>65</v>
      </c>
      <c r="AG140" s="37">
        <v>1.5429999999999999</v>
      </c>
      <c r="AH140" s="38">
        <v>6</v>
      </c>
      <c r="AI140" s="37">
        <v>1.456</v>
      </c>
      <c r="AJ140" s="36">
        <v>6</v>
      </c>
    </row>
    <row r="141" spans="1:36" s="1" customFormat="1" ht="14.1" customHeight="1" x14ac:dyDescent="0.15">
      <c r="A141" s="43">
        <v>303</v>
      </c>
      <c r="B141" s="45" t="s">
        <v>79</v>
      </c>
      <c r="C141" s="37">
        <v>9.8819999999999997</v>
      </c>
      <c r="D141" s="39">
        <v>2</v>
      </c>
      <c r="E141" s="44" t="s">
        <v>67</v>
      </c>
      <c r="F141" s="44" t="s">
        <v>68</v>
      </c>
      <c r="G141" s="37">
        <v>10.726000000000001</v>
      </c>
      <c r="H141" s="39">
        <v>3</v>
      </c>
      <c r="I141" s="37">
        <v>9.8819999999999997</v>
      </c>
      <c r="J141" s="41">
        <v>2</v>
      </c>
      <c r="K141" s="37">
        <v>1.4450000000000001</v>
      </c>
      <c r="L141" s="39">
        <v>1</v>
      </c>
      <c r="M141" s="40" t="s">
        <v>68</v>
      </c>
      <c r="N141" s="40" t="s">
        <v>68</v>
      </c>
      <c r="O141" s="37">
        <v>1.5109999999999999</v>
      </c>
      <c r="P141" s="39">
        <v>2</v>
      </c>
      <c r="Q141" s="37">
        <v>1.4450000000000001</v>
      </c>
      <c r="R141" s="41">
        <v>1</v>
      </c>
      <c r="S141" s="43">
        <v>303</v>
      </c>
      <c r="T141" s="42" t="s">
        <v>14</v>
      </c>
      <c r="U141" s="37">
        <v>1.7969999999999999</v>
      </c>
      <c r="V141" s="39">
        <v>1</v>
      </c>
      <c r="W141" s="40" t="s">
        <v>65</v>
      </c>
      <c r="X141" s="40" t="s">
        <v>68</v>
      </c>
      <c r="Y141" s="37">
        <v>1.905</v>
      </c>
      <c r="Z141" s="39">
        <v>1</v>
      </c>
      <c r="AA141" s="37">
        <v>1.7969999999999999</v>
      </c>
      <c r="AB141" s="41">
        <v>1</v>
      </c>
      <c r="AC141" s="37">
        <v>1.627</v>
      </c>
      <c r="AD141" s="39">
        <v>1</v>
      </c>
      <c r="AE141" s="40" t="s">
        <v>0</v>
      </c>
      <c r="AF141" s="40" t="s">
        <v>65</v>
      </c>
      <c r="AG141" s="37">
        <v>1.718</v>
      </c>
      <c r="AH141" s="38">
        <v>2</v>
      </c>
      <c r="AI141" s="37">
        <v>1.627</v>
      </c>
      <c r="AJ141" s="36">
        <v>1</v>
      </c>
    </row>
    <row r="142" spans="1:36" s="1" customFormat="1" ht="14.1" customHeight="1" x14ac:dyDescent="0.15">
      <c r="A142" s="43">
        <v>304</v>
      </c>
      <c r="B142" s="45" t="s">
        <v>78</v>
      </c>
      <c r="C142" s="37">
        <v>11.090999999999999</v>
      </c>
      <c r="D142" s="39">
        <v>1</v>
      </c>
      <c r="E142" s="44" t="s">
        <v>1</v>
      </c>
      <c r="F142" s="44" t="s">
        <v>0</v>
      </c>
      <c r="G142" s="37">
        <v>11.852</v>
      </c>
      <c r="H142" s="39">
        <v>1</v>
      </c>
      <c r="I142" s="37">
        <v>11.090999999999999</v>
      </c>
      <c r="J142" s="41">
        <v>1</v>
      </c>
      <c r="K142" s="37">
        <v>1.359</v>
      </c>
      <c r="L142" s="39">
        <v>5</v>
      </c>
      <c r="M142" s="40" t="s">
        <v>65</v>
      </c>
      <c r="N142" s="40" t="s">
        <v>1</v>
      </c>
      <c r="O142" s="37">
        <v>1.486</v>
      </c>
      <c r="P142" s="39">
        <v>3</v>
      </c>
      <c r="Q142" s="37">
        <v>1.359</v>
      </c>
      <c r="R142" s="41">
        <v>5</v>
      </c>
      <c r="S142" s="43">
        <v>304</v>
      </c>
      <c r="T142" s="42" t="s">
        <v>77</v>
      </c>
      <c r="U142" s="37">
        <v>1.59</v>
      </c>
      <c r="V142" s="39">
        <v>4</v>
      </c>
      <c r="W142" s="40" t="s">
        <v>65</v>
      </c>
      <c r="X142" s="40" t="s">
        <v>0</v>
      </c>
      <c r="Y142" s="37">
        <v>1.6359999999999999</v>
      </c>
      <c r="Z142" s="39">
        <v>5</v>
      </c>
      <c r="AA142" s="37">
        <v>1.59</v>
      </c>
      <c r="AB142" s="41">
        <v>4</v>
      </c>
      <c r="AC142" s="37">
        <v>1.494</v>
      </c>
      <c r="AD142" s="39">
        <v>4</v>
      </c>
      <c r="AE142" s="40" t="s">
        <v>66</v>
      </c>
      <c r="AF142" s="40" t="s">
        <v>66</v>
      </c>
      <c r="AG142" s="37">
        <v>1.671</v>
      </c>
      <c r="AH142" s="38">
        <v>3</v>
      </c>
      <c r="AI142" s="37">
        <v>1.494</v>
      </c>
      <c r="AJ142" s="36">
        <v>4</v>
      </c>
    </row>
    <row r="143" spans="1:36" s="1" customFormat="1" ht="14.1" customHeight="1" x14ac:dyDescent="0.15">
      <c r="A143" s="43">
        <v>305</v>
      </c>
      <c r="B143" s="45" t="s">
        <v>76</v>
      </c>
      <c r="C143" s="37">
        <v>9.577</v>
      </c>
      <c r="D143" s="39">
        <v>3</v>
      </c>
      <c r="E143" s="44" t="s">
        <v>68</v>
      </c>
      <c r="F143" s="44" t="s">
        <v>65</v>
      </c>
      <c r="G143" s="37">
        <v>10.538</v>
      </c>
      <c r="H143" s="39">
        <v>4</v>
      </c>
      <c r="I143" s="37">
        <v>9.577</v>
      </c>
      <c r="J143" s="41">
        <v>3</v>
      </c>
      <c r="K143" s="37">
        <v>1.3779999999999999</v>
      </c>
      <c r="L143" s="39">
        <v>3</v>
      </c>
      <c r="M143" s="40" t="s">
        <v>65</v>
      </c>
      <c r="N143" s="40" t="s">
        <v>65</v>
      </c>
      <c r="O143" s="37">
        <v>1.425</v>
      </c>
      <c r="P143" s="39">
        <v>4</v>
      </c>
      <c r="Q143" s="37">
        <v>1.3779999999999999</v>
      </c>
      <c r="R143" s="41">
        <v>3</v>
      </c>
      <c r="S143" s="43">
        <v>305</v>
      </c>
      <c r="T143" s="42" t="s">
        <v>75</v>
      </c>
      <c r="U143" s="37">
        <v>1.7070000000000001</v>
      </c>
      <c r="V143" s="39">
        <v>3</v>
      </c>
      <c r="W143" s="40" t="s">
        <v>68</v>
      </c>
      <c r="X143" s="40" t="s">
        <v>0</v>
      </c>
      <c r="Y143" s="37">
        <v>1.8380000000000001</v>
      </c>
      <c r="Z143" s="39">
        <v>3</v>
      </c>
      <c r="AA143" s="37">
        <v>1.7070000000000001</v>
      </c>
      <c r="AB143" s="41">
        <v>3</v>
      </c>
      <c r="AC143" s="37">
        <v>1.5589999999999999</v>
      </c>
      <c r="AD143" s="39">
        <v>3</v>
      </c>
      <c r="AE143" s="40" t="s">
        <v>68</v>
      </c>
      <c r="AF143" s="40" t="s">
        <v>65</v>
      </c>
      <c r="AG143" s="37">
        <v>1.67</v>
      </c>
      <c r="AH143" s="38">
        <v>4</v>
      </c>
      <c r="AI143" s="37">
        <v>1.5589999999999999</v>
      </c>
      <c r="AJ143" s="36">
        <v>3</v>
      </c>
    </row>
    <row r="144" spans="1:36" s="1" customFormat="1" ht="14.1" customHeight="1" thickBot="1" x14ac:dyDescent="0.2">
      <c r="A144" s="33">
        <v>306</v>
      </c>
      <c r="B144" s="35" t="s">
        <v>74</v>
      </c>
      <c r="C144" s="18">
        <v>8.8460000000000001</v>
      </c>
      <c r="D144" s="29">
        <v>5</v>
      </c>
      <c r="E144" s="34" t="s">
        <v>66</v>
      </c>
      <c r="F144" s="34" t="s">
        <v>67</v>
      </c>
      <c r="G144" s="18">
        <v>10.77</v>
      </c>
      <c r="H144" s="29">
        <v>2</v>
      </c>
      <c r="I144" s="27">
        <v>8.8460000000000001</v>
      </c>
      <c r="J144" s="31">
        <v>5</v>
      </c>
      <c r="K144" s="18">
        <v>1.421</v>
      </c>
      <c r="L144" s="29">
        <v>2</v>
      </c>
      <c r="M144" s="30" t="s">
        <v>68</v>
      </c>
      <c r="N144" s="30" t="s">
        <v>65</v>
      </c>
      <c r="O144" s="18">
        <v>1.538</v>
      </c>
      <c r="P144" s="29">
        <v>1</v>
      </c>
      <c r="Q144" s="27">
        <v>1.421</v>
      </c>
      <c r="R144" s="31">
        <v>2</v>
      </c>
      <c r="S144" s="33">
        <v>306</v>
      </c>
      <c r="T144" s="32" t="s">
        <v>73</v>
      </c>
      <c r="U144" s="18">
        <v>1.7749999999999999</v>
      </c>
      <c r="V144" s="29">
        <v>2</v>
      </c>
      <c r="W144" s="30" t="s">
        <v>65</v>
      </c>
      <c r="X144" s="30" t="s">
        <v>66</v>
      </c>
      <c r="Y144" s="18">
        <v>1.903</v>
      </c>
      <c r="Z144" s="29">
        <v>2</v>
      </c>
      <c r="AA144" s="27">
        <v>1.7749999999999999</v>
      </c>
      <c r="AB144" s="31">
        <v>2</v>
      </c>
      <c r="AC144" s="18">
        <v>1.6080000000000001</v>
      </c>
      <c r="AD144" s="29">
        <v>2</v>
      </c>
      <c r="AE144" s="30" t="s">
        <v>65</v>
      </c>
      <c r="AF144" s="30" t="s">
        <v>68</v>
      </c>
      <c r="AG144" s="18">
        <v>1.804</v>
      </c>
      <c r="AH144" s="28">
        <v>1</v>
      </c>
      <c r="AI144" s="27">
        <v>1.6080000000000001</v>
      </c>
      <c r="AJ144" s="26">
        <v>2</v>
      </c>
    </row>
    <row r="145" spans="1:36" s="1" customFormat="1" ht="14.1" customHeight="1" thickTop="1" thickBot="1" x14ac:dyDescent="0.2">
      <c r="A145" s="25" t="s">
        <v>8</v>
      </c>
      <c r="B145" s="20"/>
      <c r="C145" s="18">
        <v>14.657999999999999</v>
      </c>
      <c r="D145" s="34" t="s">
        <v>68</v>
      </c>
      <c r="E145" s="24">
        <v>35.182000000000002</v>
      </c>
      <c r="F145" s="34" t="s">
        <v>68</v>
      </c>
      <c r="G145" s="18">
        <v>13.223000000000001</v>
      </c>
      <c r="H145" s="34" t="s">
        <v>65</v>
      </c>
      <c r="I145" s="16">
        <v>14.659000000000001</v>
      </c>
      <c r="J145" s="22" t="s">
        <v>65</v>
      </c>
      <c r="K145" s="18">
        <v>1.5149999999999999</v>
      </c>
      <c r="L145" s="17" t="s">
        <v>68</v>
      </c>
      <c r="M145" s="24">
        <v>1.7789999999999999</v>
      </c>
      <c r="N145" s="17" t="s">
        <v>65</v>
      </c>
      <c r="O145" s="18">
        <v>1.5309999999999999</v>
      </c>
      <c r="P145" s="17" t="s">
        <v>68</v>
      </c>
      <c r="Q145" s="16">
        <v>1.5149999999999999</v>
      </c>
      <c r="R145" s="15" t="s">
        <v>68</v>
      </c>
      <c r="S145" s="25" t="s">
        <v>72</v>
      </c>
      <c r="T145" s="20"/>
      <c r="U145" s="18">
        <v>1.776</v>
      </c>
      <c r="V145" s="17" t="s">
        <v>66</v>
      </c>
      <c r="W145" s="24">
        <v>2.2589999999999999</v>
      </c>
      <c r="X145" s="17" t="s">
        <v>65</v>
      </c>
      <c r="Y145" s="18">
        <v>1.786</v>
      </c>
      <c r="Z145" s="17" t="s">
        <v>1</v>
      </c>
      <c r="AA145" s="16">
        <v>1.776</v>
      </c>
      <c r="AB145" s="15" t="s">
        <v>68</v>
      </c>
      <c r="AC145" s="18">
        <v>1.8260000000000001</v>
      </c>
      <c r="AD145" s="17" t="s">
        <v>66</v>
      </c>
      <c r="AE145" s="24">
        <v>3.504</v>
      </c>
      <c r="AF145" s="17" t="s">
        <v>65</v>
      </c>
      <c r="AG145" s="18">
        <v>1.8080000000000001</v>
      </c>
      <c r="AH145" s="17" t="s">
        <v>65</v>
      </c>
      <c r="AI145" s="84">
        <v>1.8260000000000001</v>
      </c>
      <c r="AJ145" s="15" t="s">
        <v>1</v>
      </c>
    </row>
    <row r="146" spans="1:36" s="1" customFormat="1" ht="14.1" customHeight="1" thickTop="1" thickBot="1" x14ac:dyDescent="0.2">
      <c r="A146" s="21" t="s">
        <v>7</v>
      </c>
      <c r="B146" s="20"/>
      <c r="C146" s="18">
        <v>15.377000000000001</v>
      </c>
      <c r="D146" s="34" t="s">
        <v>68</v>
      </c>
      <c r="E146" s="18">
        <v>3</v>
      </c>
      <c r="F146" s="34" t="s">
        <v>65</v>
      </c>
      <c r="G146" s="18">
        <v>13.894</v>
      </c>
      <c r="H146" s="34" t="s">
        <v>68</v>
      </c>
      <c r="I146" s="23">
        <v>15.375</v>
      </c>
      <c r="J146" s="85" t="s">
        <v>0</v>
      </c>
      <c r="K146" s="18">
        <v>1.4410000000000001</v>
      </c>
      <c r="L146" s="17" t="s">
        <v>65</v>
      </c>
      <c r="M146" s="18">
        <v>1.417</v>
      </c>
      <c r="N146" s="17" t="s">
        <v>65</v>
      </c>
      <c r="O146" s="18">
        <v>1.4419999999999999</v>
      </c>
      <c r="P146" s="17" t="s">
        <v>66</v>
      </c>
      <c r="Q146" s="84">
        <v>1.4410000000000001</v>
      </c>
      <c r="R146" s="15" t="s">
        <v>0</v>
      </c>
      <c r="S146" s="21" t="s">
        <v>7</v>
      </c>
      <c r="T146" s="20"/>
      <c r="U146" s="18">
        <v>1.786</v>
      </c>
      <c r="V146" s="17" t="s">
        <v>68</v>
      </c>
      <c r="W146" s="18">
        <v>1.5880000000000001</v>
      </c>
      <c r="X146" s="17" t="s">
        <v>66</v>
      </c>
      <c r="Y146" s="18">
        <v>1.806</v>
      </c>
      <c r="Z146" s="17" t="s">
        <v>68</v>
      </c>
      <c r="AA146" s="23">
        <v>1.786</v>
      </c>
      <c r="AB146" s="15" t="s">
        <v>68</v>
      </c>
      <c r="AC146" s="18">
        <v>1.8149999999999999</v>
      </c>
      <c r="AD146" s="17" t="s">
        <v>68</v>
      </c>
      <c r="AE146" s="18">
        <v>1.494</v>
      </c>
      <c r="AF146" s="17" t="s">
        <v>0</v>
      </c>
      <c r="AG146" s="18">
        <v>1.7729999999999999</v>
      </c>
      <c r="AH146" s="17" t="s">
        <v>1</v>
      </c>
      <c r="AI146" s="16">
        <v>1.8149999999999999</v>
      </c>
      <c r="AJ146" s="15" t="s">
        <v>68</v>
      </c>
    </row>
    <row r="147" spans="1:36" s="1" customFormat="1" ht="14.1" customHeight="1" thickTop="1" thickBot="1" x14ac:dyDescent="0.2">
      <c r="A147" s="21" t="s">
        <v>6</v>
      </c>
      <c r="B147" s="20"/>
      <c r="C147" s="18">
        <v>14.689</v>
      </c>
      <c r="D147" s="34" t="s">
        <v>66</v>
      </c>
      <c r="E147" s="18">
        <v>30.231000000000002</v>
      </c>
      <c r="F147" s="34" t="s">
        <v>65</v>
      </c>
      <c r="G147" s="18">
        <v>13.253</v>
      </c>
      <c r="H147" s="34" t="s">
        <v>65</v>
      </c>
      <c r="I147" s="84">
        <v>14.69</v>
      </c>
      <c r="J147" s="85" t="s">
        <v>68</v>
      </c>
      <c r="K147" s="18">
        <v>1.512</v>
      </c>
      <c r="L147" s="17" t="s">
        <v>0</v>
      </c>
      <c r="M147" s="18">
        <v>1.6819999999999999</v>
      </c>
      <c r="N147" s="17" t="s">
        <v>65</v>
      </c>
      <c r="O147" s="18">
        <v>1.5269999999999999</v>
      </c>
      <c r="P147" s="17" t="s">
        <v>66</v>
      </c>
      <c r="Q147" s="84">
        <v>1.512</v>
      </c>
      <c r="R147" s="15" t="s">
        <v>65</v>
      </c>
      <c r="S147" s="21" t="s">
        <v>6</v>
      </c>
      <c r="T147" s="20"/>
      <c r="U147" s="18">
        <v>1.776</v>
      </c>
      <c r="V147" s="17" t="s">
        <v>0</v>
      </c>
      <c r="W147" s="18">
        <v>2.0990000000000002</v>
      </c>
      <c r="X147" s="17" t="s">
        <v>68</v>
      </c>
      <c r="Y147" s="18">
        <v>1.7869999999999999</v>
      </c>
      <c r="Z147" s="17" t="s">
        <v>66</v>
      </c>
      <c r="AA147" s="84">
        <v>1.776</v>
      </c>
      <c r="AB147" s="15" t="s">
        <v>0</v>
      </c>
      <c r="AC147" s="18">
        <v>1.8260000000000001</v>
      </c>
      <c r="AD147" s="17" t="s">
        <v>0</v>
      </c>
      <c r="AE147" s="18">
        <v>2.9870000000000001</v>
      </c>
      <c r="AF147" s="17" t="s">
        <v>0</v>
      </c>
      <c r="AG147" s="18">
        <v>1.8069999999999999</v>
      </c>
      <c r="AH147" s="17" t="s">
        <v>68</v>
      </c>
      <c r="AI147" s="23">
        <v>1.8260000000000001</v>
      </c>
      <c r="AJ147" s="15" t="s">
        <v>65</v>
      </c>
    </row>
    <row r="148" spans="1:36" s="1" customFormat="1" ht="14.1" customHeight="1" thickTop="1" thickBot="1" x14ac:dyDescent="0.2">
      <c r="A148" s="21" t="s">
        <v>71</v>
      </c>
      <c r="B148" s="20"/>
      <c r="C148" s="18">
        <v>8.99</v>
      </c>
      <c r="D148" s="34" t="s">
        <v>68</v>
      </c>
      <c r="E148" s="34" t="s">
        <v>66</v>
      </c>
      <c r="F148" s="34" t="s">
        <v>65</v>
      </c>
      <c r="G148" s="18">
        <v>10.454000000000001</v>
      </c>
      <c r="H148" s="34" t="s">
        <v>65</v>
      </c>
      <c r="I148" s="84">
        <v>8.99</v>
      </c>
      <c r="J148" s="85" t="s">
        <v>1</v>
      </c>
      <c r="K148" s="18">
        <v>1.405</v>
      </c>
      <c r="L148" s="17" t="s">
        <v>68</v>
      </c>
      <c r="M148" s="17" t="s">
        <v>0</v>
      </c>
      <c r="N148" s="17" t="s">
        <v>65</v>
      </c>
      <c r="O148" s="18">
        <v>1.5049999999999999</v>
      </c>
      <c r="P148" s="17" t="s">
        <v>68</v>
      </c>
      <c r="Q148" s="84">
        <v>1.405</v>
      </c>
      <c r="R148" s="15" t="s">
        <v>65</v>
      </c>
      <c r="S148" s="21" t="s">
        <v>71</v>
      </c>
      <c r="T148" s="20"/>
      <c r="U148" s="18">
        <v>1.7270000000000001</v>
      </c>
      <c r="V148" s="17" t="s">
        <v>0</v>
      </c>
      <c r="W148" s="17" t="s">
        <v>65</v>
      </c>
      <c r="X148" s="17" t="s">
        <v>66</v>
      </c>
      <c r="Y148" s="18">
        <v>1.8440000000000001</v>
      </c>
      <c r="Z148" s="17" t="s">
        <v>68</v>
      </c>
      <c r="AA148" s="16">
        <v>1.7270000000000001</v>
      </c>
      <c r="AB148" s="15" t="s">
        <v>66</v>
      </c>
      <c r="AC148" s="18">
        <v>1.575</v>
      </c>
      <c r="AD148" s="17" t="s">
        <v>65</v>
      </c>
      <c r="AE148" s="17" t="s">
        <v>66</v>
      </c>
      <c r="AF148" s="17" t="s">
        <v>68</v>
      </c>
      <c r="AG148" s="18">
        <v>1.7370000000000001</v>
      </c>
      <c r="AH148" s="17" t="s">
        <v>68</v>
      </c>
      <c r="AI148" s="84">
        <v>1.575</v>
      </c>
      <c r="AJ148" s="15" t="s">
        <v>68</v>
      </c>
    </row>
    <row r="149" spans="1:36" s="1" customFormat="1" ht="14.1" customHeight="1" thickTop="1" thickBot="1" x14ac:dyDescent="0.2">
      <c r="A149" s="13" t="s">
        <v>70</v>
      </c>
      <c r="B149" s="12"/>
      <c r="C149" s="9">
        <v>14.493</v>
      </c>
      <c r="D149" s="10" t="s">
        <v>68</v>
      </c>
      <c r="E149" s="9">
        <v>30.231000000000002</v>
      </c>
      <c r="F149" s="10" t="s">
        <v>68</v>
      </c>
      <c r="G149" s="9">
        <v>13.201000000000001</v>
      </c>
      <c r="H149" s="10" t="s">
        <v>68</v>
      </c>
      <c r="I149" s="7">
        <v>14.493</v>
      </c>
      <c r="J149" s="14" t="s">
        <v>1</v>
      </c>
      <c r="K149" s="9">
        <v>1.5069999999999999</v>
      </c>
      <c r="L149" s="8" t="s">
        <v>66</v>
      </c>
      <c r="M149" s="11">
        <v>1.6819999999999999</v>
      </c>
      <c r="N149" s="8" t="s">
        <v>67</v>
      </c>
      <c r="O149" s="9">
        <v>1.5269999999999999</v>
      </c>
      <c r="P149" s="8" t="s">
        <v>65</v>
      </c>
      <c r="Q149" s="7">
        <v>1.5069999999999999</v>
      </c>
      <c r="R149" s="6" t="s">
        <v>0</v>
      </c>
      <c r="S149" s="13" t="s">
        <v>69</v>
      </c>
      <c r="T149" s="12"/>
      <c r="U149" s="9">
        <v>1.7729999999999999</v>
      </c>
      <c r="V149" s="8" t="s">
        <v>0</v>
      </c>
      <c r="W149" s="11">
        <v>2.0990000000000002</v>
      </c>
      <c r="X149" s="8" t="s">
        <v>68</v>
      </c>
      <c r="Y149" s="9">
        <v>1.788</v>
      </c>
      <c r="Z149" s="8" t="s">
        <v>67</v>
      </c>
      <c r="AA149" s="7">
        <v>1.7729999999999999</v>
      </c>
      <c r="AB149" s="6" t="s">
        <v>1</v>
      </c>
      <c r="AC149" s="9">
        <v>1.8129999999999999</v>
      </c>
      <c r="AD149" s="8" t="s">
        <v>66</v>
      </c>
      <c r="AE149" s="11">
        <v>2.9870000000000001</v>
      </c>
      <c r="AF149" s="8" t="s">
        <v>66</v>
      </c>
      <c r="AG149" s="9">
        <v>1.806</v>
      </c>
      <c r="AH149" s="8" t="s">
        <v>0</v>
      </c>
      <c r="AI149" s="7">
        <v>1.8129999999999999</v>
      </c>
      <c r="AJ149" s="6" t="s">
        <v>1</v>
      </c>
    </row>
    <row r="150" spans="1:36" s="2" customFormat="1" ht="21" customHeight="1" x14ac:dyDescent="0.2">
      <c r="A150" s="83" t="s">
        <v>64</v>
      </c>
      <c r="C150" s="80"/>
      <c r="D150" s="81"/>
      <c r="E150" s="81"/>
      <c r="F150" s="81"/>
      <c r="G150" s="80"/>
      <c r="H150" s="81"/>
      <c r="I150" s="80"/>
      <c r="J150" s="81"/>
      <c r="K150" s="80"/>
      <c r="L150" s="81"/>
      <c r="M150" s="80"/>
      <c r="N150" s="81"/>
      <c r="O150" s="80"/>
      <c r="P150" s="81"/>
      <c r="Q150" s="80"/>
      <c r="R150" s="81"/>
      <c r="S150" s="83" t="s">
        <v>63</v>
      </c>
      <c r="T150" s="81"/>
      <c r="U150" s="80"/>
      <c r="V150" s="81"/>
      <c r="W150" s="81"/>
      <c r="X150" s="81"/>
      <c r="Y150" s="80"/>
      <c r="Z150" s="81"/>
      <c r="AA150" s="80"/>
      <c r="AB150" s="81"/>
      <c r="AC150" s="80"/>
      <c r="AD150" s="81"/>
      <c r="AE150" s="81"/>
      <c r="AF150" s="81"/>
      <c r="AG150" s="80"/>
      <c r="AH150" s="81"/>
      <c r="AI150" s="80"/>
      <c r="AJ150" s="81"/>
    </row>
    <row r="151" spans="1:36" s="2" customFormat="1" ht="7.5" customHeight="1" thickBot="1" x14ac:dyDescent="0.25">
      <c r="A151" s="82"/>
      <c r="C151" s="80"/>
      <c r="D151" s="81"/>
      <c r="E151" s="81"/>
      <c r="F151" s="81"/>
      <c r="G151" s="80"/>
      <c r="H151" s="81"/>
      <c r="I151" s="80"/>
      <c r="J151" s="81"/>
      <c r="K151" s="80"/>
      <c r="L151" s="81"/>
      <c r="M151" s="80"/>
      <c r="N151" s="81"/>
      <c r="O151" s="80"/>
      <c r="P151" s="81"/>
      <c r="Q151" s="80"/>
      <c r="R151" s="81"/>
      <c r="S151" s="81"/>
      <c r="T151" s="81"/>
      <c r="U151" s="80"/>
      <c r="V151" s="81"/>
      <c r="W151" s="81"/>
      <c r="X151" s="81"/>
      <c r="Y151" s="80"/>
      <c r="Z151" s="81"/>
      <c r="AA151" s="80"/>
      <c r="AB151" s="81"/>
      <c r="AC151" s="80"/>
      <c r="AD151" s="81"/>
      <c r="AE151" s="81"/>
      <c r="AF151" s="81"/>
      <c r="AG151" s="80"/>
      <c r="AH151" s="81"/>
      <c r="AI151" s="80"/>
      <c r="AJ151" s="79"/>
    </row>
    <row r="152" spans="1:36" s="1" customFormat="1" ht="10.8" x14ac:dyDescent="0.15">
      <c r="A152" s="76" t="s">
        <v>60</v>
      </c>
      <c r="B152" s="78"/>
      <c r="C152" s="74" t="s">
        <v>62</v>
      </c>
      <c r="D152" s="73"/>
      <c r="E152" s="73"/>
      <c r="F152" s="73"/>
      <c r="G152" s="73"/>
      <c r="H152" s="73"/>
      <c r="I152" s="73"/>
      <c r="J152" s="72"/>
      <c r="K152" s="77" t="s">
        <v>61</v>
      </c>
      <c r="L152" s="73"/>
      <c r="M152" s="73"/>
      <c r="N152" s="73"/>
      <c r="O152" s="73"/>
      <c r="P152" s="73"/>
      <c r="Q152" s="73"/>
      <c r="R152" s="72"/>
      <c r="S152" s="76" t="s">
        <v>60</v>
      </c>
      <c r="T152" s="75"/>
      <c r="U152" s="74" t="s">
        <v>59</v>
      </c>
      <c r="V152" s="73"/>
      <c r="W152" s="73"/>
      <c r="X152" s="73"/>
      <c r="Y152" s="73"/>
      <c r="Z152" s="73"/>
      <c r="AA152" s="73"/>
      <c r="AB152" s="72"/>
      <c r="AC152" s="73" t="s">
        <v>58</v>
      </c>
      <c r="AD152" s="73"/>
      <c r="AE152" s="73"/>
      <c r="AF152" s="73"/>
      <c r="AG152" s="73"/>
      <c r="AH152" s="73"/>
      <c r="AI152" s="73"/>
      <c r="AJ152" s="72"/>
    </row>
    <row r="153" spans="1:36" s="1" customFormat="1" ht="10.5" customHeight="1" x14ac:dyDescent="0.15">
      <c r="A153" s="70"/>
      <c r="B153" s="71"/>
      <c r="C153" s="67" t="s">
        <v>56</v>
      </c>
      <c r="D153" s="68"/>
      <c r="E153" s="67" t="s">
        <v>55</v>
      </c>
      <c r="F153" s="68"/>
      <c r="G153" s="67" t="s">
        <v>54</v>
      </c>
      <c r="H153" s="68"/>
      <c r="I153" s="67" t="s">
        <v>53</v>
      </c>
      <c r="J153" s="66"/>
      <c r="K153" s="67" t="s">
        <v>56</v>
      </c>
      <c r="L153" s="68"/>
      <c r="M153" s="67" t="s">
        <v>57</v>
      </c>
      <c r="N153" s="68"/>
      <c r="O153" s="67" t="s">
        <v>54</v>
      </c>
      <c r="P153" s="68"/>
      <c r="Q153" s="67" t="s">
        <v>53</v>
      </c>
      <c r="R153" s="66"/>
      <c r="S153" s="70"/>
      <c r="T153" s="69"/>
      <c r="U153" s="67" t="s">
        <v>56</v>
      </c>
      <c r="V153" s="68"/>
      <c r="W153" s="67" t="s">
        <v>55</v>
      </c>
      <c r="X153" s="68"/>
      <c r="Y153" s="67" t="s">
        <v>54</v>
      </c>
      <c r="Z153" s="68"/>
      <c r="AA153" s="67" t="s">
        <v>53</v>
      </c>
      <c r="AB153" s="66"/>
      <c r="AC153" s="67" t="s">
        <v>56</v>
      </c>
      <c r="AD153" s="68"/>
      <c r="AE153" s="67" t="s">
        <v>55</v>
      </c>
      <c r="AF153" s="68"/>
      <c r="AG153" s="67" t="s">
        <v>54</v>
      </c>
      <c r="AH153" s="68"/>
      <c r="AI153" s="67" t="s">
        <v>53</v>
      </c>
      <c r="AJ153" s="66"/>
    </row>
    <row r="154" spans="1:36" s="1" customFormat="1" ht="10.5" customHeight="1" thickBot="1" x14ac:dyDescent="0.2">
      <c r="A154" s="64"/>
      <c r="B154" s="65"/>
      <c r="C154" s="30" t="s">
        <v>52</v>
      </c>
      <c r="D154" s="61" t="s">
        <v>51</v>
      </c>
      <c r="E154" s="62" t="s">
        <v>52</v>
      </c>
      <c r="F154" s="62" t="s">
        <v>51</v>
      </c>
      <c r="G154" s="30" t="s">
        <v>52</v>
      </c>
      <c r="H154" s="61" t="s">
        <v>51</v>
      </c>
      <c r="I154" s="30" t="s">
        <v>52</v>
      </c>
      <c r="J154" s="60" t="s">
        <v>51</v>
      </c>
      <c r="K154" s="30" t="s">
        <v>52</v>
      </c>
      <c r="L154" s="61" t="s">
        <v>51</v>
      </c>
      <c r="M154" s="62" t="s">
        <v>52</v>
      </c>
      <c r="N154" s="62" t="s">
        <v>51</v>
      </c>
      <c r="O154" s="30" t="s">
        <v>52</v>
      </c>
      <c r="P154" s="61" t="s">
        <v>51</v>
      </c>
      <c r="Q154" s="30" t="s">
        <v>52</v>
      </c>
      <c r="R154" s="60" t="s">
        <v>51</v>
      </c>
      <c r="S154" s="64"/>
      <c r="T154" s="63"/>
      <c r="U154" s="30" t="s">
        <v>52</v>
      </c>
      <c r="V154" s="61" t="s">
        <v>51</v>
      </c>
      <c r="W154" s="62" t="s">
        <v>52</v>
      </c>
      <c r="X154" s="62" t="s">
        <v>51</v>
      </c>
      <c r="Y154" s="30" t="s">
        <v>52</v>
      </c>
      <c r="Z154" s="61" t="s">
        <v>51</v>
      </c>
      <c r="AA154" s="30" t="s">
        <v>52</v>
      </c>
      <c r="AB154" s="60" t="s">
        <v>51</v>
      </c>
      <c r="AC154" s="30" t="s">
        <v>52</v>
      </c>
      <c r="AD154" s="61" t="s">
        <v>51</v>
      </c>
      <c r="AE154" s="62" t="s">
        <v>52</v>
      </c>
      <c r="AF154" s="62" t="s">
        <v>51</v>
      </c>
      <c r="AG154" s="30" t="s">
        <v>52</v>
      </c>
      <c r="AH154" s="61" t="s">
        <v>51</v>
      </c>
      <c r="AI154" s="30" t="s">
        <v>52</v>
      </c>
      <c r="AJ154" s="60" t="s">
        <v>51</v>
      </c>
    </row>
    <row r="155" spans="1:36" s="1" customFormat="1" ht="14.1" customHeight="1" thickTop="1" x14ac:dyDescent="0.15">
      <c r="A155" s="53">
        <v>1</v>
      </c>
      <c r="B155" s="58" t="s">
        <v>50</v>
      </c>
      <c r="C155" s="37">
        <v>19.266999999999999</v>
      </c>
      <c r="D155" s="39">
        <v>25</v>
      </c>
      <c r="E155" s="37">
        <v>600</v>
      </c>
      <c r="F155" s="39">
        <v>1</v>
      </c>
      <c r="G155" s="37">
        <v>26.901</v>
      </c>
      <c r="H155" s="39">
        <v>20</v>
      </c>
      <c r="I155" s="37">
        <v>19.268999999999998</v>
      </c>
      <c r="J155" s="41">
        <v>25</v>
      </c>
      <c r="K155" s="37">
        <v>802.86400000000003</v>
      </c>
      <c r="L155" s="39">
        <v>10</v>
      </c>
      <c r="M155" s="37">
        <v>2050</v>
      </c>
      <c r="N155" s="39">
        <v>1</v>
      </c>
      <c r="O155" s="37">
        <v>1141.4839999999999</v>
      </c>
      <c r="P155" s="39">
        <v>4</v>
      </c>
      <c r="Q155" s="37">
        <v>802.86800000000005</v>
      </c>
      <c r="R155" s="41">
        <v>10</v>
      </c>
      <c r="S155" s="53">
        <v>1</v>
      </c>
      <c r="T155" s="39" t="s">
        <v>50</v>
      </c>
      <c r="U155" s="37">
        <v>185.41399999999999</v>
      </c>
      <c r="V155" s="39">
        <v>16</v>
      </c>
      <c r="W155" s="37">
        <v>600</v>
      </c>
      <c r="X155" s="39">
        <v>1</v>
      </c>
      <c r="Y155" s="37">
        <v>238.27699999999999</v>
      </c>
      <c r="Z155" s="39">
        <v>7</v>
      </c>
      <c r="AA155" s="37">
        <v>185.41499999999999</v>
      </c>
      <c r="AB155" s="41">
        <v>16</v>
      </c>
      <c r="AC155" s="37">
        <v>1007.545</v>
      </c>
      <c r="AD155" s="39">
        <v>11</v>
      </c>
      <c r="AE155" s="37">
        <v>3250</v>
      </c>
      <c r="AF155" s="39">
        <v>1</v>
      </c>
      <c r="AG155" s="37">
        <v>1406.662</v>
      </c>
      <c r="AH155" s="38">
        <v>5</v>
      </c>
      <c r="AI155" s="37">
        <v>1007.552</v>
      </c>
      <c r="AJ155" s="36">
        <v>11</v>
      </c>
    </row>
    <row r="156" spans="1:36" s="1" customFormat="1" ht="14.1" customHeight="1" x14ac:dyDescent="0.15">
      <c r="A156" s="43">
        <v>2</v>
      </c>
      <c r="B156" s="58" t="s">
        <v>49</v>
      </c>
      <c r="C156" s="37">
        <v>19.053999999999998</v>
      </c>
      <c r="D156" s="39">
        <v>26</v>
      </c>
      <c r="E156" s="37">
        <v>0</v>
      </c>
      <c r="F156" s="39">
        <v>3</v>
      </c>
      <c r="G156" s="37">
        <v>29.902000000000001</v>
      </c>
      <c r="H156" s="39">
        <v>7</v>
      </c>
      <c r="I156" s="37">
        <v>19.053000000000001</v>
      </c>
      <c r="J156" s="41">
        <v>26</v>
      </c>
      <c r="K156" s="37">
        <v>743.69100000000003</v>
      </c>
      <c r="L156" s="39">
        <v>26</v>
      </c>
      <c r="M156" s="37">
        <v>0</v>
      </c>
      <c r="N156" s="39">
        <v>7</v>
      </c>
      <c r="O156" s="37">
        <v>1115.414</v>
      </c>
      <c r="P156" s="39">
        <v>8</v>
      </c>
      <c r="Q156" s="37">
        <v>743.70100000000002</v>
      </c>
      <c r="R156" s="41">
        <v>26</v>
      </c>
      <c r="S156" s="43">
        <v>2</v>
      </c>
      <c r="T156" s="39" t="s">
        <v>49</v>
      </c>
      <c r="U156" s="37">
        <v>177.63800000000001</v>
      </c>
      <c r="V156" s="39">
        <v>21</v>
      </c>
      <c r="W156" s="37">
        <v>0</v>
      </c>
      <c r="X156" s="39">
        <v>7</v>
      </c>
      <c r="Y156" s="37">
        <v>232.898</v>
      </c>
      <c r="Z156" s="39">
        <v>14</v>
      </c>
      <c r="AA156" s="37">
        <v>177.642</v>
      </c>
      <c r="AB156" s="41">
        <v>21</v>
      </c>
      <c r="AC156" s="37">
        <v>940.38300000000004</v>
      </c>
      <c r="AD156" s="39">
        <v>26</v>
      </c>
      <c r="AE156" s="37">
        <v>0</v>
      </c>
      <c r="AF156" s="39">
        <v>7</v>
      </c>
      <c r="AG156" s="37">
        <v>1378.2139999999999</v>
      </c>
      <c r="AH156" s="38">
        <v>8</v>
      </c>
      <c r="AI156" s="37">
        <v>940.39599999999996</v>
      </c>
      <c r="AJ156" s="36">
        <v>26</v>
      </c>
    </row>
    <row r="157" spans="1:36" s="1" customFormat="1" ht="14.1" customHeight="1" x14ac:dyDescent="0.15">
      <c r="A157" s="43">
        <v>3</v>
      </c>
      <c r="B157" s="58" t="s">
        <v>48</v>
      </c>
      <c r="C157" s="37">
        <v>20.587</v>
      </c>
      <c r="D157" s="39">
        <v>18</v>
      </c>
      <c r="E157" s="37">
        <v>0</v>
      </c>
      <c r="F157" s="39">
        <v>3</v>
      </c>
      <c r="G157" s="37">
        <v>27.481000000000002</v>
      </c>
      <c r="H157" s="39">
        <v>15</v>
      </c>
      <c r="I157" s="37">
        <v>20.585999999999999</v>
      </c>
      <c r="J157" s="41">
        <v>18</v>
      </c>
      <c r="K157" s="37">
        <v>854.09699999999998</v>
      </c>
      <c r="L157" s="39">
        <v>2</v>
      </c>
      <c r="M157" s="37">
        <v>800</v>
      </c>
      <c r="N157" s="39">
        <v>4</v>
      </c>
      <c r="O157" s="37">
        <v>1177.5</v>
      </c>
      <c r="P157" s="39">
        <v>1</v>
      </c>
      <c r="Q157" s="37">
        <v>854.09699999999998</v>
      </c>
      <c r="R157" s="41">
        <v>2</v>
      </c>
      <c r="S157" s="43">
        <v>3</v>
      </c>
      <c r="T157" s="39" t="s">
        <v>48</v>
      </c>
      <c r="U157" s="37">
        <v>191.56800000000001</v>
      </c>
      <c r="V157" s="39">
        <v>8</v>
      </c>
      <c r="W157" s="37">
        <v>200</v>
      </c>
      <c r="X157" s="39">
        <v>5</v>
      </c>
      <c r="Y157" s="37">
        <v>239.55699999999999</v>
      </c>
      <c r="Z157" s="39">
        <v>6</v>
      </c>
      <c r="AA157" s="37">
        <v>191.56800000000001</v>
      </c>
      <c r="AB157" s="41">
        <v>8</v>
      </c>
      <c r="AC157" s="37">
        <v>1066.252</v>
      </c>
      <c r="AD157" s="39">
        <v>2</v>
      </c>
      <c r="AE157" s="37">
        <v>1000</v>
      </c>
      <c r="AF157" s="39">
        <v>4</v>
      </c>
      <c r="AG157" s="37">
        <v>1444.538</v>
      </c>
      <c r="AH157" s="38">
        <v>1</v>
      </c>
      <c r="AI157" s="37">
        <v>1066.251</v>
      </c>
      <c r="AJ157" s="36">
        <v>2</v>
      </c>
    </row>
    <row r="158" spans="1:36" s="1" customFormat="1" ht="14.1" customHeight="1" x14ac:dyDescent="0.15">
      <c r="A158" s="43">
        <v>4</v>
      </c>
      <c r="B158" s="58" t="s">
        <v>47</v>
      </c>
      <c r="C158" s="37">
        <v>19.75</v>
      </c>
      <c r="D158" s="39">
        <v>21</v>
      </c>
      <c r="E158" s="37">
        <v>0</v>
      </c>
      <c r="F158" s="39">
        <v>3</v>
      </c>
      <c r="G158" s="37">
        <v>25.608000000000001</v>
      </c>
      <c r="H158" s="39">
        <v>25</v>
      </c>
      <c r="I158" s="37">
        <v>19.75</v>
      </c>
      <c r="J158" s="41">
        <v>21</v>
      </c>
      <c r="K158" s="37">
        <v>767.98500000000001</v>
      </c>
      <c r="L158" s="39">
        <v>18</v>
      </c>
      <c r="M158" s="37">
        <v>0</v>
      </c>
      <c r="N158" s="39">
        <v>7</v>
      </c>
      <c r="O158" s="37">
        <v>1055.271</v>
      </c>
      <c r="P158" s="39">
        <v>16</v>
      </c>
      <c r="Q158" s="37">
        <v>767.98500000000001</v>
      </c>
      <c r="R158" s="41">
        <v>18</v>
      </c>
      <c r="S158" s="43">
        <v>4</v>
      </c>
      <c r="T158" s="39" t="s">
        <v>47</v>
      </c>
      <c r="U158" s="37">
        <v>179.97</v>
      </c>
      <c r="V158" s="39">
        <v>20</v>
      </c>
      <c r="W158" s="37">
        <v>0</v>
      </c>
      <c r="X158" s="39">
        <v>7</v>
      </c>
      <c r="Y158" s="37">
        <v>223.666</v>
      </c>
      <c r="Z158" s="39">
        <v>20</v>
      </c>
      <c r="AA158" s="37">
        <v>179.97</v>
      </c>
      <c r="AB158" s="41">
        <v>20</v>
      </c>
      <c r="AC158" s="37">
        <v>967.70600000000002</v>
      </c>
      <c r="AD158" s="39">
        <v>17</v>
      </c>
      <c r="AE158" s="37">
        <v>0</v>
      </c>
      <c r="AF158" s="39">
        <v>7</v>
      </c>
      <c r="AG158" s="37">
        <v>1304.5440000000001</v>
      </c>
      <c r="AH158" s="38">
        <v>17</v>
      </c>
      <c r="AI158" s="37">
        <v>967.70600000000002</v>
      </c>
      <c r="AJ158" s="36">
        <v>17</v>
      </c>
    </row>
    <row r="159" spans="1:36" s="1" customFormat="1" ht="14.1" customHeight="1" x14ac:dyDescent="0.15">
      <c r="A159" s="43">
        <v>5</v>
      </c>
      <c r="B159" s="58" t="s">
        <v>46</v>
      </c>
      <c r="C159" s="37">
        <v>19.469000000000001</v>
      </c>
      <c r="D159" s="39">
        <v>23</v>
      </c>
      <c r="E159" s="37">
        <v>0</v>
      </c>
      <c r="F159" s="39">
        <v>3</v>
      </c>
      <c r="G159" s="37">
        <v>26.904</v>
      </c>
      <c r="H159" s="39">
        <v>19</v>
      </c>
      <c r="I159" s="37">
        <v>19.468</v>
      </c>
      <c r="J159" s="41">
        <v>23</v>
      </c>
      <c r="K159" s="37">
        <v>799.99199999999996</v>
      </c>
      <c r="L159" s="39">
        <v>11</v>
      </c>
      <c r="M159" s="37">
        <v>1550</v>
      </c>
      <c r="N159" s="39">
        <v>2</v>
      </c>
      <c r="O159" s="37">
        <v>1091.6389999999999</v>
      </c>
      <c r="P159" s="39">
        <v>11</v>
      </c>
      <c r="Q159" s="37">
        <v>800.03300000000002</v>
      </c>
      <c r="R159" s="41">
        <v>11</v>
      </c>
      <c r="S159" s="43">
        <v>5</v>
      </c>
      <c r="T159" s="39" t="s">
        <v>46</v>
      </c>
      <c r="U159" s="37">
        <v>203.488</v>
      </c>
      <c r="V159" s="39">
        <v>1</v>
      </c>
      <c r="W159" s="37">
        <v>250</v>
      </c>
      <c r="X159" s="39">
        <v>4</v>
      </c>
      <c r="Y159" s="37">
        <v>247.738</v>
      </c>
      <c r="Z159" s="39">
        <v>2</v>
      </c>
      <c r="AA159" s="37">
        <v>203.49</v>
      </c>
      <c r="AB159" s="41">
        <v>1</v>
      </c>
      <c r="AC159" s="37">
        <v>1022.948</v>
      </c>
      <c r="AD159" s="39">
        <v>8</v>
      </c>
      <c r="AE159" s="37">
        <v>1800</v>
      </c>
      <c r="AF159" s="39">
        <v>3</v>
      </c>
      <c r="AG159" s="37">
        <v>1366.2809999999999</v>
      </c>
      <c r="AH159" s="38">
        <v>10</v>
      </c>
      <c r="AI159" s="37">
        <v>1022.991</v>
      </c>
      <c r="AJ159" s="36">
        <v>8</v>
      </c>
    </row>
    <row r="160" spans="1:36" s="1" customFormat="1" ht="14.1" customHeight="1" x14ac:dyDescent="0.15">
      <c r="A160" s="43">
        <v>6</v>
      </c>
      <c r="B160" s="58" t="s">
        <v>45</v>
      </c>
      <c r="C160" s="37">
        <v>18.419</v>
      </c>
      <c r="D160" s="39">
        <v>29</v>
      </c>
      <c r="E160" s="37">
        <v>0</v>
      </c>
      <c r="F160" s="39">
        <v>3</v>
      </c>
      <c r="G160" s="37">
        <v>25.152999999999999</v>
      </c>
      <c r="H160" s="39">
        <v>30</v>
      </c>
      <c r="I160" s="37">
        <v>18.419</v>
      </c>
      <c r="J160" s="41">
        <v>29</v>
      </c>
      <c r="K160" s="37">
        <v>791.84</v>
      </c>
      <c r="L160" s="39">
        <v>13</v>
      </c>
      <c r="M160" s="37">
        <v>0</v>
      </c>
      <c r="N160" s="39">
        <v>7</v>
      </c>
      <c r="O160" s="37">
        <v>1136.835</v>
      </c>
      <c r="P160" s="39">
        <v>5</v>
      </c>
      <c r="Q160" s="37">
        <v>791.85400000000004</v>
      </c>
      <c r="R160" s="41">
        <v>13</v>
      </c>
      <c r="S160" s="43">
        <v>6</v>
      </c>
      <c r="T160" s="39" t="s">
        <v>45</v>
      </c>
      <c r="U160" s="37">
        <v>195.78200000000001</v>
      </c>
      <c r="V160" s="39">
        <v>6</v>
      </c>
      <c r="W160" s="37">
        <v>0</v>
      </c>
      <c r="X160" s="39">
        <v>7</v>
      </c>
      <c r="Y160" s="37">
        <v>247.72900000000001</v>
      </c>
      <c r="Z160" s="39">
        <v>3</v>
      </c>
      <c r="AA160" s="37">
        <v>195.785</v>
      </c>
      <c r="AB160" s="41">
        <v>6</v>
      </c>
      <c r="AC160" s="37">
        <v>1006.0410000000001</v>
      </c>
      <c r="AD160" s="39">
        <v>13</v>
      </c>
      <c r="AE160" s="37">
        <v>0</v>
      </c>
      <c r="AF160" s="39">
        <v>7</v>
      </c>
      <c r="AG160" s="37">
        <v>1409.7159999999999</v>
      </c>
      <c r="AH160" s="38">
        <v>4</v>
      </c>
      <c r="AI160" s="37">
        <v>1006.059</v>
      </c>
      <c r="AJ160" s="36">
        <v>13</v>
      </c>
    </row>
    <row r="161" spans="1:36" s="1" customFormat="1" ht="14.1" customHeight="1" x14ac:dyDescent="0.15">
      <c r="A161" s="43">
        <v>7</v>
      </c>
      <c r="B161" s="58" t="s">
        <v>44</v>
      </c>
      <c r="C161" s="37">
        <v>24.175999999999998</v>
      </c>
      <c r="D161" s="39">
        <v>5</v>
      </c>
      <c r="E161" s="37">
        <v>0</v>
      </c>
      <c r="F161" s="39">
        <v>3</v>
      </c>
      <c r="G161" s="37">
        <v>30.504000000000001</v>
      </c>
      <c r="H161" s="39">
        <v>5</v>
      </c>
      <c r="I161" s="37">
        <v>24.175000000000001</v>
      </c>
      <c r="J161" s="41">
        <v>5</v>
      </c>
      <c r="K161" s="37">
        <v>819.16800000000001</v>
      </c>
      <c r="L161" s="39">
        <v>6</v>
      </c>
      <c r="M161" s="37">
        <v>600</v>
      </c>
      <c r="N161" s="39">
        <v>6</v>
      </c>
      <c r="O161" s="37">
        <v>1118.5540000000001</v>
      </c>
      <c r="P161" s="39">
        <v>6</v>
      </c>
      <c r="Q161" s="37">
        <v>819.16200000000003</v>
      </c>
      <c r="R161" s="41">
        <v>6</v>
      </c>
      <c r="S161" s="43">
        <v>7</v>
      </c>
      <c r="T161" s="39" t="s">
        <v>44</v>
      </c>
      <c r="U161" s="37">
        <v>191.108</v>
      </c>
      <c r="V161" s="39">
        <v>9</v>
      </c>
      <c r="W161" s="37">
        <v>300</v>
      </c>
      <c r="X161" s="39">
        <v>3</v>
      </c>
      <c r="Y161" s="37">
        <v>233.28899999999999</v>
      </c>
      <c r="Z161" s="39">
        <v>12</v>
      </c>
      <c r="AA161" s="37">
        <v>191.11099999999999</v>
      </c>
      <c r="AB161" s="41">
        <v>9</v>
      </c>
      <c r="AC161" s="37">
        <v>1034.451</v>
      </c>
      <c r="AD161" s="39">
        <v>7</v>
      </c>
      <c r="AE161" s="37">
        <v>900</v>
      </c>
      <c r="AF161" s="39">
        <v>5</v>
      </c>
      <c r="AG161" s="37">
        <v>1382.348</v>
      </c>
      <c r="AH161" s="38">
        <v>6</v>
      </c>
      <c r="AI161" s="37">
        <v>1034.4480000000001</v>
      </c>
      <c r="AJ161" s="36">
        <v>7</v>
      </c>
    </row>
    <row r="162" spans="1:36" s="1" customFormat="1" ht="14.1" customHeight="1" x14ac:dyDescent="0.15">
      <c r="A162" s="43">
        <v>8</v>
      </c>
      <c r="B162" s="58" t="s">
        <v>43</v>
      </c>
      <c r="C162" s="37">
        <v>18.861000000000001</v>
      </c>
      <c r="D162" s="39">
        <v>27</v>
      </c>
      <c r="E162" s="37">
        <v>0</v>
      </c>
      <c r="F162" s="39">
        <v>3</v>
      </c>
      <c r="G162" s="37">
        <v>25.536999999999999</v>
      </c>
      <c r="H162" s="39">
        <v>27</v>
      </c>
      <c r="I162" s="37">
        <v>18.861000000000001</v>
      </c>
      <c r="J162" s="41">
        <v>27</v>
      </c>
      <c r="K162" s="37">
        <v>770.76700000000005</v>
      </c>
      <c r="L162" s="39">
        <v>17</v>
      </c>
      <c r="M162" s="37">
        <v>0</v>
      </c>
      <c r="N162" s="39">
        <v>7</v>
      </c>
      <c r="O162" s="37">
        <v>1073.6759999999999</v>
      </c>
      <c r="P162" s="39">
        <v>13</v>
      </c>
      <c r="Q162" s="37">
        <v>770.77300000000002</v>
      </c>
      <c r="R162" s="41">
        <v>17</v>
      </c>
      <c r="S162" s="43">
        <v>8</v>
      </c>
      <c r="T162" s="39" t="s">
        <v>43</v>
      </c>
      <c r="U162" s="37">
        <v>188.29400000000001</v>
      </c>
      <c r="V162" s="39">
        <v>12</v>
      </c>
      <c r="W162" s="37">
        <v>0</v>
      </c>
      <c r="X162" s="39">
        <v>7</v>
      </c>
      <c r="Y162" s="37">
        <v>232.97800000000001</v>
      </c>
      <c r="Z162" s="39">
        <v>13</v>
      </c>
      <c r="AA162" s="37">
        <v>188.29599999999999</v>
      </c>
      <c r="AB162" s="41">
        <v>12</v>
      </c>
      <c r="AC162" s="37">
        <v>977.92200000000003</v>
      </c>
      <c r="AD162" s="39">
        <v>14</v>
      </c>
      <c r="AE162" s="37">
        <v>0</v>
      </c>
      <c r="AF162" s="39">
        <v>7</v>
      </c>
      <c r="AG162" s="37">
        <v>1332.19</v>
      </c>
      <c r="AH162" s="38">
        <v>13</v>
      </c>
      <c r="AI162" s="37">
        <v>977.93</v>
      </c>
      <c r="AJ162" s="36">
        <v>14</v>
      </c>
    </row>
    <row r="163" spans="1:36" s="1" customFormat="1" ht="14.1" customHeight="1" x14ac:dyDescent="0.15">
      <c r="A163" s="43">
        <v>9</v>
      </c>
      <c r="B163" s="58" t="s">
        <v>42</v>
      </c>
      <c r="C163" s="37">
        <v>18.846</v>
      </c>
      <c r="D163" s="39">
        <v>28</v>
      </c>
      <c r="E163" s="37">
        <v>0</v>
      </c>
      <c r="F163" s="39">
        <v>3</v>
      </c>
      <c r="G163" s="37">
        <v>26.143000000000001</v>
      </c>
      <c r="H163" s="39">
        <v>22</v>
      </c>
      <c r="I163" s="37">
        <v>18.846</v>
      </c>
      <c r="J163" s="41">
        <v>28</v>
      </c>
      <c r="K163" s="37">
        <v>818.76</v>
      </c>
      <c r="L163" s="39">
        <v>7</v>
      </c>
      <c r="M163" s="37">
        <v>0</v>
      </c>
      <c r="N163" s="39">
        <v>7</v>
      </c>
      <c r="O163" s="37">
        <v>1150.0450000000001</v>
      </c>
      <c r="P163" s="39">
        <v>3</v>
      </c>
      <c r="Q163" s="37">
        <v>818.76</v>
      </c>
      <c r="R163" s="41">
        <v>7</v>
      </c>
      <c r="S163" s="43">
        <v>9</v>
      </c>
      <c r="T163" s="39" t="s">
        <v>42</v>
      </c>
      <c r="U163" s="37">
        <v>201.459</v>
      </c>
      <c r="V163" s="39">
        <v>4</v>
      </c>
      <c r="W163" s="37">
        <v>0</v>
      </c>
      <c r="X163" s="39">
        <v>7</v>
      </c>
      <c r="Y163" s="37">
        <v>253.81</v>
      </c>
      <c r="Z163" s="39">
        <v>1</v>
      </c>
      <c r="AA163" s="37">
        <v>201.459</v>
      </c>
      <c r="AB163" s="41">
        <v>4</v>
      </c>
      <c r="AC163" s="37">
        <v>1039.0640000000001</v>
      </c>
      <c r="AD163" s="39">
        <v>6</v>
      </c>
      <c r="AE163" s="37">
        <v>0</v>
      </c>
      <c r="AF163" s="39">
        <v>7</v>
      </c>
      <c r="AG163" s="37">
        <v>1429.998</v>
      </c>
      <c r="AH163" s="38">
        <v>2</v>
      </c>
      <c r="AI163" s="37">
        <v>1039.0640000000001</v>
      </c>
      <c r="AJ163" s="36">
        <v>6</v>
      </c>
    </row>
    <row r="164" spans="1:36" s="1" customFormat="1" ht="14.1" customHeight="1" x14ac:dyDescent="0.15">
      <c r="A164" s="43">
        <v>10</v>
      </c>
      <c r="B164" s="58" t="s">
        <v>41</v>
      </c>
      <c r="C164" s="37">
        <v>20.382999999999999</v>
      </c>
      <c r="D164" s="39">
        <v>20</v>
      </c>
      <c r="E164" s="37">
        <v>200</v>
      </c>
      <c r="F164" s="39">
        <v>2</v>
      </c>
      <c r="G164" s="37">
        <v>27.623000000000001</v>
      </c>
      <c r="H164" s="39">
        <v>12</v>
      </c>
      <c r="I164" s="37">
        <v>20.384</v>
      </c>
      <c r="J164" s="41">
        <v>20</v>
      </c>
      <c r="K164" s="37">
        <v>725.27599999999995</v>
      </c>
      <c r="L164" s="39">
        <v>30</v>
      </c>
      <c r="M164" s="37">
        <v>1500</v>
      </c>
      <c r="N164" s="39">
        <v>3</v>
      </c>
      <c r="O164" s="37">
        <v>1014.3869999999999</v>
      </c>
      <c r="P164" s="39">
        <v>27</v>
      </c>
      <c r="Q164" s="37">
        <v>725.28099999999995</v>
      </c>
      <c r="R164" s="41">
        <v>30</v>
      </c>
      <c r="S164" s="43">
        <v>10</v>
      </c>
      <c r="T164" s="39" t="s">
        <v>41</v>
      </c>
      <c r="U164" s="37">
        <v>175.22200000000001</v>
      </c>
      <c r="V164" s="39">
        <v>26</v>
      </c>
      <c r="W164" s="37">
        <v>500</v>
      </c>
      <c r="X164" s="39">
        <v>2</v>
      </c>
      <c r="Y164" s="37">
        <v>221.297</v>
      </c>
      <c r="Z164" s="39">
        <v>22</v>
      </c>
      <c r="AA164" s="37">
        <v>175.22399999999999</v>
      </c>
      <c r="AB164" s="41">
        <v>26</v>
      </c>
      <c r="AC164" s="37">
        <v>920.88099999999997</v>
      </c>
      <c r="AD164" s="39">
        <v>29</v>
      </c>
      <c r="AE164" s="37">
        <v>2200</v>
      </c>
      <c r="AF164" s="39">
        <v>2</v>
      </c>
      <c r="AG164" s="37">
        <v>1263.307</v>
      </c>
      <c r="AH164" s="38">
        <v>24</v>
      </c>
      <c r="AI164" s="37">
        <v>920.88900000000001</v>
      </c>
      <c r="AJ164" s="36">
        <v>29</v>
      </c>
    </row>
    <row r="165" spans="1:36" s="1" customFormat="1" ht="14.1" customHeight="1" x14ac:dyDescent="0.15">
      <c r="A165" s="43">
        <v>11</v>
      </c>
      <c r="B165" s="58" t="s">
        <v>40</v>
      </c>
      <c r="C165" s="37">
        <v>21.634</v>
      </c>
      <c r="D165" s="39">
        <v>13</v>
      </c>
      <c r="E165" s="37">
        <v>0</v>
      </c>
      <c r="F165" s="39">
        <v>3</v>
      </c>
      <c r="G165" s="37">
        <v>31.3</v>
      </c>
      <c r="H165" s="39">
        <v>4</v>
      </c>
      <c r="I165" s="37">
        <v>21.634</v>
      </c>
      <c r="J165" s="41">
        <v>13</v>
      </c>
      <c r="K165" s="37">
        <v>813.26700000000005</v>
      </c>
      <c r="L165" s="39">
        <v>8</v>
      </c>
      <c r="M165" s="37">
        <v>0</v>
      </c>
      <c r="N165" s="39">
        <v>7</v>
      </c>
      <c r="O165" s="37">
        <v>1100.2449999999999</v>
      </c>
      <c r="P165" s="39">
        <v>10</v>
      </c>
      <c r="Q165" s="37">
        <v>813.37</v>
      </c>
      <c r="R165" s="41">
        <v>8</v>
      </c>
      <c r="S165" s="43">
        <v>11</v>
      </c>
      <c r="T165" s="39" t="s">
        <v>40</v>
      </c>
      <c r="U165" s="37">
        <v>175.67</v>
      </c>
      <c r="V165" s="39">
        <v>24</v>
      </c>
      <c r="W165" s="37">
        <v>0</v>
      </c>
      <c r="X165" s="39">
        <v>7</v>
      </c>
      <c r="Y165" s="37">
        <v>212.864</v>
      </c>
      <c r="Z165" s="39">
        <v>26</v>
      </c>
      <c r="AA165" s="37">
        <v>175.71799999999999</v>
      </c>
      <c r="AB165" s="41">
        <v>24</v>
      </c>
      <c r="AC165" s="37">
        <v>1010.571</v>
      </c>
      <c r="AD165" s="39">
        <v>10</v>
      </c>
      <c r="AE165" s="37">
        <v>0</v>
      </c>
      <c r="AF165" s="39">
        <v>7</v>
      </c>
      <c r="AG165" s="37">
        <v>1344.4090000000001</v>
      </c>
      <c r="AH165" s="38">
        <v>11</v>
      </c>
      <c r="AI165" s="37">
        <v>1010.722</v>
      </c>
      <c r="AJ165" s="36">
        <v>10</v>
      </c>
    </row>
    <row r="166" spans="1:36" s="1" customFormat="1" ht="14.1" customHeight="1" x14ac:dyDescent="0.15">
      <c r="A166" s="43">
        <v>12</v>
      </c>
      <c r="B166" s="58" t="s">
        <v>39</v>
      </c>
      <c r="C166" s="37">
        <v>21.407</v>
      </c>
      <c r="D166" s="39">
        <v>14</v>
      </c>
      <c r="E166" s="37">
        <v>0</v>
      </c>
      <c r="F166" s="39">
        <v>3</v>
      </c>
      <c r="G166" s="37">
        <v>27.501999999999999</v>
      </c>
      <c r="H166" s="39">
        <v>14</v>
      </c>
      <c r="I166" s="37">
        <v>21.407</v>
      </c>
      <c r="J166" s="41">
        <v>14</v>
      </c>
      <c r="K166" s="37">
        <v>779.40599999999995</v>
      </c>
      <c r="L166" s="39">
        <v>15</v>
      </c>
      <c r="M166" s="37">
        <v>0</v>
      </c>
      <c r="N166" s="39">
        <v>7</v>
      </c>
      <c r="O166" s="37">
        <v>1047.068</v>
      </c>
      <c r="P166" s="39">
        <v>18</v>
      </c>
      <c r="Q166" s="37">
        <v>779.40800000000002</v>
      </c>
      <c r="R166" s="41">
        <v>15</v>
      </c>
      <c r="S166" s="43">
        <v>12</v>
      </c>
      <c r="T166" s="39" t="s">
        <v>39</v>
      </c>
      <c r="U166" s="37">
        <v>170.69399999999999</v>
      </c>
      <c r="V166" s="39">
        <v>27</v>
      </c>
      <c r="W166" s="37">
        <v>0</v>
      </c>
      <c r="X166" s="39">
        <v>7</v>
      </c>
      <c r="Y166" s="37">
        <v>208.44900000000001</v>
      </c>
      <c r="Z166" s="39">
        <v>28</v>
      </c>
      <c r="AA166" s="37">
        <v>170.70500000000001</v>
      </c>
      <c r="AB166" s="41">
        <v>27</v>
      </c>
      <c r="AC166" s="37">
        <v>971.50699999999995</v>
      </c>
      <c r="AD166" s="39">
        <v>16</v>
      </c>
      <c r="AE166" s="37">
        <v>0</v>
      </c>
      <c r="AF166" s="39">
        <v>7</v>
      </c>
      <c r="AG166" s="37">
        <v>1283.02</v>
      </c>
      <c r="AH166" s="38">
        <v>19</v>
      </c>
      <c r="AI166" s="37">
        <v>971.52</v>
      </c>
      <c r="AJ166" s="36">
        <v>16</v>
      </c>
    </row>
    <row r="167" spans="1:36" s="1" customFormat="1" ht="14.1" customHeight="1" x14ac:dyDescent="0.15">
      <c r="A167" s="43">
        <v>13</v>
      </c>
      <c r="B167" s="58" t="s">
        <v>38</v>
      </c>
      <c r="C167" s="37">
        <v>20.774999999999999</v>
      </c>
      <c r="D167" s="39">
        <v>17</v>
      </c>
      <c r="E167" s="37">
        <v>0</v>
      </c>
      <c r="F167" s="39">
        <v>3</v>
      </c>
      <c r="G167" s="37">
        <v>26.847999999999999</v>
      </c>
      <c r="H167" s="39">
        <v>21</v>
      </c>
      <c r="I167" s="37">
        <v>20.771000000000001</v>
      </c>
      <c r="J167" s="41">
        <v>17</v>
      </c>
      <c r="K167" s="37">
        <v>728.59100000000001</v>
      </c>
      <c r="L167" s="39">
        <v>28</v>
      </c>
      <c r="M167" s="37">
        <v>0</v>
      </c>
      <c r="N167" s="39">
        <v>7</v>
      </c>
      <c r="O167" s="37">
        <v>1012.455</v>
      </c>
      <c r="P167" s="39">
        <v>28</v>
      </c>
      <c r="Q167" s="37">
        <v>728.58500000000004</v>
      </c>
      <c r="R167" s="41">
        <v>28</v>
      </c>
      <c r="S167" s="43">
        <v>13</v>
      </c>
      <c r="T167" s="39" t="s">
        <v>38</v>
      </c>
      <c r="U167" s="37">
        <v>169.392</v>
      </c>
      <c r="V167" s="39">
        <v>29</v>
      </c>
      <c r="W167" s="37">
        <v>0</v>
      </c>
      <c r="X167" s="39">
        <v>7</v>
      </c>
      <c r="Y167" s="37">
        <v>213.99700000000001</v>
      </c>
      <c r="Z167" s="39">
        <v>25</v>
      </c>
      <c r="AA167" s="37">
        <v>169.39400000000001</v>
      </c>
      <c r="AB167" s="41">
        <v>29</v>
      </c>
      <c r="AC167" s="37">
        <v>918.75800000000004</v>
      </c>
      <c r="AD167" s="39">
        <v>30</v>
      </c>
      <c r="AE167" s="37">
        <v>0</v>
      </c>
      <c r="AF167" s="39">
        <v>7</v>
      </c>
      <c r="AG167" s="37">
        <v>1253.3</v>
      </c>
      <c r="AH167" s="38">
        <v>26</v>
      </c>
      <c r="AI167" s="37">
        <v>918.75</v>
      </c>
      <c r="AJ167" s="36">
        <v>30</v>
      </c>
    </row>
    <row r="168" spans="1:36" s="1" customFormat="1" ht="14.1" customHeight="1" x14ac:dyDescent="0.15">
      <c r="A168" s="43">
        <v>14</v>
      </c>
      <c r="B168" s="58" t="s">
        <v>37</v>
      </c>
      <c r="C168" s="37">
        <v>18.353000000000002</v>
      </c>
      <c r="D168" s="39">
        <v>31</v>
      </c>
      <c r="E168" s="37">
        <v>0</v>
      </c>
      <c r="F168" s="39">
        <v>3</v>
      </c>
      <c r="G168" s="37">
        <v>28.393000000000001</v>
      </c>
      <c r="H168" s="39">
        <v>9</v>
      </c>
      <c r="I168" s="37">
        <v>18.353000000000002</v>
      </c>
      <c r="J168" s="41">
        <v>31</v>
      </c>
      <c r="K168" s="37">
        <v>727.01099999999997</v>
      </c>
      <c r="L168" s="39">
        <v>29</v>
      </c>
      <c r="M168" s="37">
        <v>0</v>
      </c>
      <c r="N168" s="39">
        <v>7</v>
      </c>
      <c r="O168" s="37">
        <v>1056.6320000000001</v>
      </c>
      <c r="P168" s="39">
        <v>15</v>
      </c>
      <c r="Q168" s="37">
        <v>727.01499999999999</v>
      </c>
      <c r="R168" s="41">
        <v>29</v>
      </c>
      <c r="S168" s="43">
        <v>14</v>
      </c>
      <c r="T168" s="39" t="s">
        <v>37</v>
      </c>
      <c r="U168" s="37">
        <v>176.88300000000001</v>
      </c>
      <c r="V168" s="39">
        <v>22</v>
      </c>
      <c r="W168" s="37">
        <v>0</v>
      </c>
      <c r="X168" s="39">
        <v>7</v>
      </c>
      <c r="Y168" s="37">
        <v>230.09800000000001</v>
      </c>
      <c r="Z168" s="39">
        <v>16</v>
      </c>
      <c r="AA168" s="37">
        <v>176.887</v>
      </c>
      <c r="AB168" s="41">
        <v>22</v>
      </c>
      <c r="AC168" s="37">
        <v>922.24699999999996</v>
      </c>
      <c r="AD168" s="39">
        <v>28</v>
      </c>
      <c r="AE168" s="37">
        <v>0</v>
      </c>
      <c r="AF168" s="39">
        <v>7</v>
      </c>
      <c r="AG168" s="37">
        <v>1315.123</v>
      </c>
      <c r="AH168" s="38">
        <v>15</v>
      </c>
      <c r="AI168" s="37">
        <v>922.255</v>
      </c>
      <c r="AJ168" s="36">
        <v>28</v>
      </c>
    </row>
    <row r="169" spans="1:36" s="1" customFormat="1" ht="14.1" customHeight="1" x14ac:dyDescent="0.15">
      <c r="A169" s="43">
        <v>15</v>
      </c>
      <c r="B169" s="58" t="s">
        <v>36</v>
      </c>
      <c r="C169" s="37">
        <v>20.876000000000001</v>
      </c>
      <c r="D169" s="39">
        <v>16</v>
      </c>
      <c r="E169" s="37">
        <v>0</v>
      </c>
      <c r="F169" s="39">
        <v>3</v>
      </c>
      <c r="G169" s="37">
        <v>27.172000000000001</v>
      </c>
      <c r="H169" s="39">
        <v>17</v>
      </c>
      <c r="I169" s="37">
        <v>20.876000000000001</v>
      </c>
      <c r="J169" s="41">
        <v>16</v>
      </c>
      <c r="K169" s="37">
        <v>751.93700000000001</v>
      </c>
      <c r="L169" s="39">
        <v>24</v>
      </c>
      <c r="M169" s="37">
        <v>0</v>
      </c>
      <c r="N169" s="39">
        <v>7</v>
      </c>
      <c r="O169" s="37">
        <v>1015.755</v>
      </c>
      <c r="P169" s="39">
        <v>24</v>
      </c>
      <c r="Q169" s="37">
        <v>751.93700000000001</v>
      </c>
      <c r="R169" s="41">
        <v>24</v>
      </c>
      <c r="S169" s="43">
        <v>15</v>
      </c>
      <c r="T169" s="39" t="s">
        <v>36</v>
      </c>
      <c r="U169" s="37">
        <v>192.81100000000001</v>
      </c>
      <c r="V169" s="39">
        <v>7</v>
      </c>
      <c r="W169" s="37">
        <v>0</v>
      </c>
      <c r="X169" s="39">
        <v>7</v>
      </c>
      <c r="Y169" s="37">
        <v>234.41900000000001</v>
      </c>
      <c r="Z169" s="39">
        <v>11</v>
      </c>
      <c r="AA169" s="37">
        <v>192.816</v>
      </c>
      <c r="AB169" s="41">
        <v>7</v>
      </c>
      <c r="AC169" s="37">
        <v>965.62400000000002</v>
      </c>
      <c r="AD169" s="39">
        <v>19</v>
      </c>
      <c r="AE169" s="37">
        <v>0</v>
      </c>
      <c r="AF169" s="39">
        <v>7</v>
      </c>
      <c r="AG169" s="37">
        <v>1277.345</v>
      </c>
      <c r="AH169" s="38">
        <v>23</v>
      </c>
      <c r="AI169" s="37">
        <v>965.62900000000002</v>
      </c>
      <c r="AJ169" s="36">
        <v>19</v>
      </c>
    </row>
    <row r="170" spans="1:36" s="1" customFormat="1" ht="14.1" customHeight="1" x14ac:dyDescent="0.15">
      <c r="A170" s="43">
        <v>16</v>
      </c>
      <c r="B170" s="58" t="s">
        <v>35</v>
      </c>
      <c r="C170" s="37">
        <v>18.402999999999999</v>
      </c>
      <c r="D170" s="39">
        <v>30</v>
      </c>
      <c r="E170" s="37">
        <v>0</v>
      </c>
      <c r="F170" s="39">
        <v>3</v>
      </c>
      <c r="G170" s="37">
        <v>23.713000000000001</v>
      </c>
      <c r="H170" s="39">
        <v>32</v>
      </c>
      <c r="I170" s="37">
        <v>18.402999999999999</v>
      </c>
      <c r="J170" s="41">
        <v>30</v>
      </c>
      <c r="K170" s="37">
        <v>724.04700000000003</v>
      </c>
      <c r="L170" s="39">
        <v>32</v>
      </c>
      <c r="M170" s="37">
        <v>0</v>
      </c>
      <c r="N170" s="39">
        <v>7</v>
      </c>
      <c r="O170" s="37">
        <v>982.37</v>
      </c>
      <c r="P170" s="39">
        <v>31</v>
      </c>
      <c r="Q170" s="37">
        <v>724.04700000000003</v>
      </c>
      <c r="R170" s="41">
        <v>32</v>
      </c>
      <c r="S170" s="43">
        <v>16</v>
      </c>
      <c r="T170" s="39" t="s">
        <v>35</v>
      </c>
      <c r="U170" s="37">
        <v>175.268</v>
      </c>
      <c r="V170" s="39">
        <v>25</v>
      </c>
      <c r="W170" s="37">
        <v>0</v>
      </c>
      <c r="X170" s="39">
        <v>7</v>
      </c>
      <c r="Y170" s="37">
        <v>221.8</v>
      </c>
      <c r="Z170" s="39">
        <v>21</v>
      </c>
      <c r="AA170" s="37">
        <v>175.26400000000001</v>
      </c>
      <c r="AB170" s="41">
        <v>25</v>
      </c>
      <c r="AC170" s="37">
        <v>917.71799999999996</v>
      </c>
      <c r="AD170" s="39">
        <v>31</v>
      </c>
      <c r="AE170" s="37">
        <v>0</v>
      </c>
      <c r="AF170" s="39">
        <v>7</v>
      </c>
      <c r="AG170" s="37">
        <v>1227.883</v>
      </c>
      <c r="AH170" s="38">
        <v>30</v>
      </c>
      <c r="AI170" s="37">
        <v>917.71400000000006</v>
      </c>
      <c r="AJ170" s="36">
        <v>31</v>
      </c>
    </row>
    <row r="171" spans="1:36" s="1" customFormat="1" ht="14.1" customHeight="1" x14ac:dyDescent="0.15">
      <c r="A171" s="43">
        <v>17</v>
      </c>
      <c r="B171" s="58" t="s">
        <v>34</v>
      </c>
      <c r="C171" s="37">
        <v>19.382999999999999</v>
      </c>
      <c r="D171" s="39">
        <v>24</v>
      </c>
      <c r="E171" s="37">
        <v>0</v>
      </c>
      <c r="F171" s="39">
        <v>3</v>
      </c>
      <c r="G171" s="37">
        <v>26.908999999999999</v>
      </c>
      <c r="H171" s="39">
        <v>18</v>
      </c>
      <c r="I171" s="37">
        <v>19.387</v>
      </c>
      <c r="J171" s="41">
        <v>24</v>
      </c>
      <c r="K171" s="37">
        <v>725.17</v>
      </c>
      <c r="L171" s="39">
        <v>31</v>
      </c>
      <c r="M171" s="37">
        <v>0</v>
      </c>
      <c r="N171" s="39">
        <v>7</v>
      </c>
      <c r="O171" s="37">
        <v>1038.2339999999999</v>
      </c>
      <c r="P171" s="39">
        <v>21</v>
      </c>
      <c r="Q171" s="37">
        <v>725.173</v>
      </c>
      <c r="R171" s="41">
        <v>31</v>
      </c>
      <c r="S171" s="43">
        <v>17</v>
      </c>
      <c r="T171" s="39" t="s">
        <v>34</v>
      </c>
      <c r="U171" s="37">
        <v>183.52199999999999</v>
      </c>
      <c r="V171" s="39">
        <v>19</v>
      </c>
      <c r="W171" s="37">
        <v>0</v>
      </c>
      <c r="X171" s="39">
        <v>7</v>
      </c>
      <c r="Y171" s="37">
        <v>235.47200000000001</v>
      </c>
      <c r="Z171" s="39">
        <v>10</v>
      </c>
      <c r="AA171" s="37">
        <v>183.51900000000001</v>
      </c>
      <c r="AB171" s="41">
        <v>19</v>
      </c>
      <c r="AC171" s="37">
        <v>928.07500000000005</v>
      </c>
      <c r="AD171" s="39">
        <v>27</v>
      </c>
      <c r="AE171" s="37">
        <v>0</v>
      </c>
      <c r="AF171" s="39">
        <v>7</v>
      </c>
      <c r="AG171" s="37">
        <v>1300.615</v>
      </c>
      <c r="AH171" s="38">
        <v>18</v>
      </c>
      <c r="AI171" s="37">
        <v>928.07899999999995</v>
      </c>
      <c r="AJ171" s="36">
        <v>27</v>
      </c>
    </row>
    <row r="172" spans="1:36" s="1" customFormat="1" ht="14.1" customHeight="1" x14ac:dyDescent="0.15">
      <c r="A172" s="43">
        <v>18</v>
      </c>
      <c r="B172" s="58" t="s">
        <v>33</v>
      </c>
      <c r="C172" s="37">
        <v>22.411999999999999</v>
      </c>
      <c r="D172" s="39">
        <v>9</v>
      </c>
      <c r="E172" s="37">
        <v>0</v>
      </c>
      <c r="F172" s="39">
        <v>3</v>
      </c>
      <c r="G172" s="37">
        <v>24.472000000000001</v>
      </c>
      <c r="H172" s="39">
        <v>31</v>
      </c>
      <c r="I172" s="37">
        <v>22.408999999999999</v>
      </c>
      <c r="J172" s="41">
        <v>9</v>
      </c>
      <c r="K172" s="37">
        <v>822.81299999999999</v>
      </c>
      <c r="L172" s="39">
        <v>5</v>
      </c>
      <c r="M172" s="37">
        <v>700</v>
      </c>
      <c r="N172" s="39">
        <v>5</v>
      </c>
      <c r="O172" s="37">
        <v>1105.335</v>
      </c>
      <c r="P172" s="39">
        <v>9</v>
      </c>
      <c r="Q172" s="37">
        <v>822.79899999999998</v>
      </c>
      <c r="R172" s="41">
        <v>5</v>
      </c>
      <c r="S172" s="43">
        <v>18</v>
      </c>
      <c r="T172" s="39" t="s">
        <v>33</v>
      </c>
      <c r="U172" s="37">
        <v>199.01400000000001</v>
      </c>
      <c r="V172" s="39">
        <v>5</v>
      </c>
      <c r="W172" s="37">
        <v>100</v>
      </c>
      <c r="X172" s="39">
        <v>6</v>
      </c>
      <c r="Y172" s="37">
        <v>243.19200000000001</v>
      </c>
      <c r="Z172" s="39">
        <v>4</v>
      </c>
      <c r="AA172" s="37">
        <v>199.00299999999999</v>
      </c>
      <c r="AB172" s="41">
        <v>5</v>
      </c>
      <c r="AC172" s="37">
        <v>1044.239</v>
      </c>
      <c r="AD172" s="39">
        <v>5</v>
      </c>
      <c r="AE172" s="37">
        <v>800</v>
      </c>
      <c r="AF172" s="39">
        <v>6</v>
      </c>
      <c r="AG172" s="37">
        <v>1372.999</v>
      </c>
      <c r="AH172" s="38">
        <v>9</v>
      </c>
      <c r="AI172" s="37">
        <v>1044.211</v>
      </c>
      <c r="AJ172" s="59">
        <v>5</v>
      </c>
    </row>
    <row r="173" spans="1:36" s="1" customFormat="1" ht="14.1" customHeight="1" x14ac:dyDescent="0.15">
      <c r="A173" s="43">
        <v>19</v>
      </c>
      <c r="B173" s="58" t="s">
        <v>32</v>
      </c>
      <c r="C173" s="37">
        <v>17.138999999999999</v>
      </c>
      <c r="D173" s="39">
        <v>32</v>
      </c>
      <c r="E173" s="37">
        <v>0</v>
      </c>
      <c r="F173" s="39">
        <v>3</v>
      </c>
      <c r="G173" s="37">
        <v>25.492999999999999</v>
      </c>
      <c r="H173" s="39">
        <v>28</v>
      </c>
      <c r="I173" s="37">
        <v>17.138999999999999</v>
      </c>
      <c r="J173" s="41">
        <v>32</v>
      </c>
      <c r="K173" s="37">
        <v>758.851</v>
      </c>
      <c r="L173" s="39">
        <v>21</v>
      </c>
      <c r="M173" s="37">
        <v>0</v>
      </c>
      <c r="N173" s="39">
        <v>7</v>
      </c>
      <c r="O173" s="37">
        <v>1118.259</v>
      </c>
      <c r="P173" s="39">
        <v>7</v>
      </c>
      <c r="Q173" s="37">
        <v>758.87599999999998</v>
      </c>
      <c r="R173" s="41">
        <v>21</v>
      </c>
      <c r="S173" s="43">
        <v>19</v>
      </c>
      <c r="T173" s="39" t="s">
        <v>32</v>
      </c>
      <c r="U173" s="37">
        <v>190.42099999999999</v>
      </c>
      <c r="V173" s="39">
        <v>10</v>
      </c>
      <c r="W173" s="37">
        <v>0</v>
      </c>
      <c r="X173" s="39">
        <v>7</v>
      </c>
      <c r="Y173" s="37">
        <v>235.578</v>
      </c>
      <c r="Z173" s="39">
        <v>9</v>
      </c>
      <c r="AA173" s="37">
        <v>190.42099999999999</v>
      </c>
      <c r="AB173" s="41">
        <v>10</v>
      </c>
      <c r="AC173" s="37">
        <v>966.41099999999994</v>
      </c>
      <c r="AD173" s="39">
        <v>18</v>
      </c>
      <c r="AE173" s="37">
        <v>0</v>
      </c>
      <c r="AF173" s="39">
        <v>7</v>
      </c>
      <c r="AG173" s="37">
        <v>1379.33</v>
      </c>
      <c r="AH173" s="38">
        <v>7</v>
      </c>
      <c r="AI173" s="37">
        <v>966.43700000000001</v>
      </c>
      <c r="AJ173" s="59">
        <v>18</v>
      </c>
    </row>
    <row r="174" spans="1:36" s="1" customFormat="1" ht="14.1" customHeight="1" x14ac:dyDescent="0.15">
      <c r="A174" s="43">
        <v>20</v>
      </c>
      <c r="B174" s="58" t="s">
        <v>31</v>
      </c>
      <c r="C174" s="37">
        <v>20.913</v>
      </c>
      <c r="D174" s="39">
        <v>15</v>
      </c>
      <c r="E174" s="37">
        <v>0</v>
      </c>
      <c r="F174" s="39">
        <v>3</v>
      </c>
      <c r="G174" s="37">
        <v>27.541</v>
      </c>
      <c r="H174" s="39">
        <v>13</v>
      </c>
      <c r="I174" s="37">
        <v>20.913</v>
      </c>
      <c r="J174" s="41">
        <v>15</v>
      </c>
      <c r="K174" s="37">
        <v>746.01099999999997</v>
      </c>
      <c r="L174" s="39">
        <v>25</v>
      </c>
      <c r="M174" s="37">
        <v>0</v>
      </c>
      <c r="N174" s="39">
        <v>7</v>
      </c>
      <c r="O174" s="37">
        <v>1015.1420000000001</v>
      </c>
      <c r="P174" s="39">
        <v>25</v>
      </c>
      <c r="Q174" s="37">
        <v>746.01099999999997</v>
      </c>
      <c r="R174" s="41">
        <v>25</v>
      </c>
      <c r="S174" s="43">
        <v>20</v>
      </c>
      <c r="T174" s="39" t="s">
        <v>31</v>
      </c>
      <c r="U174" s="37">
        <v>186.31200000000001</v>
      </c>
      <c r="V174" s="39">
        <v>14</v>
      </c>
      <c r="W174" s="37">
        <v>0</v>
      </c>
      <c r="X174" s="39">
        <v>7</v>
      </c>
      <c r="Y174" s="37">
        <v>235.77199999999999</v>
      </c>
      <c r="Z174" s="39">
        <v>8</v>
      </c>
      <c r="AA174" s="37">
        <v>186.303</v>
      </c>
      <c r="AB174" s="41">
        <v>14</v>
      </c>
      <c r="AC174" s="37">
        <v>953.23599999999999</v>
      </c>
      <c r="AD174" s="39">
        <v>23</v>
      </c>
      <c r="AE174" s="37">
        <v>0</v>
      </c>
      <c r="AF174" s="39">
        <v>7</v>
      </c>
      <c r="AG174" s="37">
        <v>1278.4549999999999</v>
      </c>
      <c r="AH174" s="38">
        <v>20</v>
      </c>
      <c r="AI174" s="37">
        <v>953.22699999999998</v>
      </c>
      <c r="AJ174" s="59">
        <v>23</v>
      </c>
    </row>
    <row r="175" spans="1:36" s="1" customFormat="1" ht="14.1" customHeight="1" x14ac:dyDescent="0.15">
      <c r="A175" s="43">
        <v>21</v>
      </c>
      <c r="B175" s="58" t="s">
        <v>30</v>
      </c>
      <c r="C175" s="37">
        <v>19.643000000000001</v>
      </c>
      <c r="D175" s="39">
        <v>22</v>
      </c>
      <c r="E175" s="37">
        <v>0</v>
      </c>
      <c r="F175" s="39">
        <v>3</v>
      </c>
      <c r="G175" s="37">
        <v>25.577999999999999</v>
      </c>
      <c r="H175" s="39">
        <v>26</v>
      </c>
      <c r="I175" s="37">
        <v>19.643000000000001</v>
      </c>
      <c r="J175" s="41">
        <v>22</v>
      </c>
      <c r="K175" s="37">
        <v>684.63499999999999</v>
      </c>
      <c r="L175" s="39">
        <v>33</v>
      </c>
      <c r="M175" s="37">
        <v>0</v>
      </c>
      <c r="N175" s="39">
        <v>7</v>
      </c>
      <c r="O175" s="37">
        <v>968.78800000000001</v>
      </c>
      <c r="P175" s="39">
        <v>32</v>
      </c>
      <c r="Q175" s="37">
        <v>684.63499999999999</v>
      </c>
      <c r="R175" s="41">
        <v>33</v>
      </c>
      <c r="S175" s="43">
        <v>21</v>
      </c>
      <c r="T175" s="39" t="s">
        <v>30</v>
      </c>
      <c r="U175" s="37">
        <v>185.74199999999999</v>
      </c>
      <c r="V175" s="39">
        <v>15</v>
      </c>
      <c r="W175" s="37">
        <v>0</v>
      </c>
      <c r="X175" s="39">
        <v>7</v>
      </c>
      <c r="Y175" s="37">
        <v>241.94499999999999</v>
      </c>
      <c r="Z175" s="39">
        <v>5</v>
      </c>
      <c r="AA175" s="37">
        <v>185.74199999999999</v>
      </c>
      <c r="AB175" s="41">
        <v>15</v>
      </c>
      <c r="AC175" s="37">
        <v>890.02099999999996</v>
      </c>
      <c r="AD175" s="39">
        <v>33</v>
      </c>
      <c r="AE175" s="37">
        <v>0</v>
      </c>
      <c r="AF175" s="39">
        <v>7</v>
      </c>
      <c r="AG175" s="37">
        <v>1236.3109999999999</v>
      </c>
      <c r="AH175" s="38">
        <v>29</v>
      </c>
      <c r="AI175" s="37">
        <v>890.02099999999996</v>
      </c>
      <c r="AJ175" s="59">
        <v>33</v>
      </c>
    </row>
    <row r="176" spans="1:36" s="1" customFormat="1" ht="14.1" customHeight="1" x14ac:dyDescent="0.15">
      <c r="A176" s="43">
        <v>22</v>
      </c>
      <c r="B176" s="58" t="s">
        <v>29</v>
      </c>
      <c r="C176" s="37">
        <v>23.19</v>
      </c>
      <c r="D176" s="39">
        <v>6</v>
      </c>
      <c r="E176" s="37">
        <v>0</v>
      </c>
      <c r="F176" s="39">
        <v>3</v>
      </c>
      <c r="G176" s="37">
        <v>26.074999999999999</v>
      </c>
      <c r="H176" s="39">
        <v>23</v>
      </c>
      <c r="I176" s="37">
        <v>23.202999999999999</v>
      </c>
      <c r="J176" s="41">
        <v>6</v>
      </c>
      <c r="K176" s="37">
        <v>794.30700000000002</v>
      </c>
      <c r="L176" s="39">
        <v>12</v>
      </c>
      <c r="M176" s="37">
        <v>0</v>
      </c>
      <c r="N176" s="39">
        <v>7</v>
      </c>
      <c r="O176" s="37">
        <v>1049.086</v>
      </c>
      <c r="P176" s="39">
        <v>17</v>
      </c>
      <c r="Q176" s="37">
        <v>794.57</v>
      </c>
      <c r="R176" s="41">
        <v>12</v>
      </c>
      <c r="S176" s="43">
        <v>22</v>
      </c>
      <c r="T176" s="39" t="s">
        <v>29</v>
      </c>
      <c r="U176" s="37">
        <v>188.75899999999999</v>
      </c>
      <c r="V176" s="39">
        <v>11</v>
      </c>
      <c r="W176" s="37">
        <v>0</v>
      </c>
      <c r="X176" s="39">
        <v>7</v>
      </c>
      <c r="Y176" s="37">
        <v>232.25200000000001</v>
      </c>
      <c r="Z176" s="39">
        <v>15</v>
      </c>
      <c r="AA176" s="37">
        <v>188.75899999999999</v>
      </c>
      <c r="AB176" s="41">
        <v>11</v>
      </c>
      <c r="AC176" s="37">
        <v>1006.2569999999999</v>
      </c>
      <c r="AD176" s="39">
        <v>12</v>
      </c>
      <c r="AE176" s="37">
        <v>0</v>
      </c>
      <c r="AF176" s="39">
        <v>7</v>
      </c>
      <c r="AG176" s="37">
        <v>1307.413</v>
      </c>
      <c r="AH176" s="38">
        <v>16</v>
      </c>
      <c r="AI176" s="37">
        <v>1006.532</v>
      </c>
      <c r="AJ176" s="59">
        <v>12</v>
      </c>
    </row>
    <row r="177" spans="1:36" s="1" customFormat="1" ht="14.1" customHeight="1" x14ac:dyDescent="0.15">
      <c r="A177" s="43">
        <v>23</v>
      </c>
      <c r="B177" s="58" t="s">
        <v>28</v>
      </c>
      <c r="C177" s="37">
        <v>20.385000000000002</v>
      </c>
      <c r="D177" s="39">
        <v>19</v>
      </c>
      <c r="E177" s="37">
        <v>0</v>
      </c>
      <c r="F177" s="39">
        <v>3</v>
      </c>
      <c r="G177" s="37">
        <v>25.763999999999999</v>
      </c>
      <c r="H177" s="39">
        <v>24</v>
      </c>
      <c r="I177" s="37">
        <v>20.385000000000002</v>
      </c>
      <c r="J177" s="41">
        <v>19</v>
      </c>
      <c r="K177" s="37">
        <v>767.21900000000005</v>
      </c>
      <c r="L177" s="39">
        <v>19</v>
      </c>
      <c r="M177" s="37">
        <v>0</v>
      </c>
      <c r="N177" s="39">
        <v>7</v>
      </c>
      <c r="O177" s="37">
        <v>996.69399999999996</v>
      </c>
      <c r="P177" s="39">
        <v>30</v>
      </c>
      <c r="Q177" s="37">
        <v>767.23500000000001</v>
      </c>
      <c r="R177" s="41">
        <v>19</v>
      </c>
      <c r="S177" s="43">
        <v>23</v>
      </c>
      <c r="T177" s="39" t="s">
        <v>28</v>
      </c>
      <c r="U177" s="37">
        <v>176.42599999999999</v>
      </c>
      <c r="V177" s="39">
        <v>23</v>
      </c>
      <c r="W177" s="37">
        <v>0</v>
      </c>
      <c r="X177" s="39">
        <v>7</v>
      </c>
      <c r="Y177" s="37">
        <v>215.44</v>
      </c>
      <c r="Z177" s="39">
        <v>24</v>
      </c>
      <c r="AA177" s="37">
        <v>176.44200000000001</v>
      </c>
      <c r="AB177" s="41">
        <v>23</v>
      </c>
      <c r="AC177" s="37">
        <v>964.03</v>
      </c>
      <c r="AD177" s="39">
        <v>20</v>
      </c>
      <c r="AE177" s="37">
        <v>0</v>
      </c>
      <c r="AF177" s="39">
        <v>7</v>
      </c>
      <c r="AG177" s="37">
        <v>1237.8979999999999</v>
      </c>
      <c r="AH177" s="38">
        <v>28</v>
      </c>
      <c r="AI177" s="37">
        <v>964.06100000000004</v>
      </c>
      <c r="AJ177" s="59">
        <v>20</v>
      </c>
    </row>
    <row r="178" spans="1:36" s="1" customFormat="1" ht="14.1" customHeight="1" x14ac:dyDescent="0.15">
      <c r="A178" s="43">
        <v>24</v>
      </c>
      <c r="B178" s="58" t="s">
        <v>27</v>
      </c>
      <c r="C178" s="37">
        <v>22.126000000000001</v>
      </c>
      <c r="D178" s="39">
        <v>11</v>
      </c>
      <c r="E178" s="37">
        <v>0</v>
      </c>
      <c r="F178" s="39">
        <v>3</v>
      </c>
      <c r="G178" s="37">
        <v>28.216999999999999</v>
      </c>
      <c r="H178" s="39">
        <v>11</v>
      </c>
      <c r="I178" s="37">
        <v>22.126000000000001</v>
      </c>
      <c r="J178" s="41">
        <v>11</v>
      </c>
      <c r="K178" s="37">
        <v>812.24199999999996</v>
      </c>
      <c r="L178" s="39">
        <v>9</v>
      </c>
      <c r="M178" s="37">
        <v>0</v>
      </c>
      <c r="N178" s="39">
        <v>7</v>
      </c>
      <c r="O178" s="37">
        <v>1038.2950000000001</v>
      </c>
      <c r="P178" s="39">
        <v>20</v>
      </c>
      <c r="Q178" s="37">
        <v>812.24199999999996</v>
      </c>
      <c r="R178" s="41">
        <v>9</v>
      </c>
      <c r="S178" s="43">
        <v>24</v>
      </c>
      <c r="T178" s="39" t="s">
        <v>27</v>
      </c>
      <c r="U178" s="37">
        <v>184.864</v>
      </c>
      <c r="V178" s="39">
        <v>18</v>
      </c>
      <c r="W178" s="37">
        <v>0</v>
      </c>
      <c r="X178" s="39">
        <v>7</v>
      </c>
      <c r="Y178" s="37">
        <v>211.39500000000001</v>
      </c>
      <c r="Z178" s="39">
        <v>27</v>
      </c>
      <c r="AA178" s="37">
        <v>184.864</v>
      </c>
      <c r="AB178" s="41">
        <v>18</v>
      </c>
      <c r="AC178" s="37">
        <v>1019.231</v>
      </c>
      <c r="AD178" s="39">
        <v>9</v>
      </c>
      <c r="AE178" s="37">
        <v>0</v>
      </c>
      <c r="AF178" s="39">
        <v>7</v>
      </c>
      <c r="AG178" s="37">
        <v>1277.9069999999999</v>
      </c>
      <c r="AH178" s="38">
        <v>22</v>
      </c>
      <c r="AI178" s="37">
        <v>1019.231</v>
      </c>
      <c r="AJ178" s="59">
        <v>9</v>
      </c>
    </row>
    <row r="179" spans="1:36" s="1" customFormat="1" ht="14.1" customHeight="1" x14ac:dyDescent="0.15">
      <c r="A179" s="43">
        <v>25</v>
      </c>
      <c r="B179" s="58" t="s">
        <v>26</v>
      </c>
      <c r="C179" s="37">
        <v>15.611000000000001</v>
      </c>
      <c r="D179" s="39">
        <v>33</v>
      </c>
      <c r="E179" s="37">
        <v>0</v>
      </c>
      <c r="F179" s="39">
        <v>3</v>
      </c>
      <c r="G179" s="37">
        <v>22.196999999999999</v>
      </c>
      <c r="H179" s="39">
        <v>33</v>
      </c>
      <c r="I179" s="37">
        <v>15.611000000000001</v>
      </c>
      <c r="J179" s="41">
        <v>33</v>
      </c>
      <c r="K179" s="37">
        <v>766.41899999999998</v>
      </c>
      <c r="L179" s="39">
        <v>20</v>
      </c>
      <c r="M179" s="37">
        <v>0</v>
      </c>
      <c r="N179" s="39">
        <v>7</v>
      </c>
      <c r="O179" s="37">
        <v>1036.297</v>
      </c>
      <c r="P179" s="39">
        <v>23</v>
      </c>
      <c r="Q179" s="37">
        <v>766.41899999999998</v>
      </c>
      <c r="R179" s="41">
        <v>20</v>
      </c>
      <c r="S179" s="43">
        <v>25</v>
      </c>
      <c r="T179" s="39" t="s">
        <v>26</v>
      </c>
      <c r="U179" s="37">
        <v>169.785</v>
      </c>
      <c r="V179" s="39">
        <v>28</v>
      </c>
      <c r="W179" s="37">
        <v>0</v>
      </c>
      <c r="X179" s="39">
        <v>7</v>
      </c>
      <c r="Y179" s="37">
        <v>197.84800000000001</v>
      </c>
      <c r="Z179" s="39">
        <v>30</v>
      </c>
      <c r="AA179" s="37">
        <v>169.785</v>
      </c>
      <c r="AB179" s="41">
        <v>28</v>
      </c>
      <c r="AC179" s="37">
        <v>951.81600000000003</v>
      </c>
      <c r="AD179" s="39">
        <v>24</v>
      </c>
      <c r="AE179" s="37">
        <v>0</v>
      </c>
      <c r="AF179" s="39">
        <v>7</v>
      </c>
      <c r="AG179" s="37">
        <v>1256.3420000000001</v>
      </c>
      <c r="AH179" s="38">
        <v>25</v>
      </c>
      <c r="AI179" s="37">
        <v>951.81600000000003</v>
      </c>
      <c r="AJ179" s="59">
        <v>24</v>
      </c>
    </row>
    <row r="180" spans="1:36" s="1" customFormat="1" ht="14.1" customHeight="1" x14ac:dyDescent="0.15">
      <c r="A180" s="43">
        <v>26</v>
      </c>
      <c r="B180" s="58" t="s">
        <v>25</v>
      </c>
      <c r="C180" s="37">
        <v>23.111000000000001</v>
      </c>
      <c r="D180" s="39">
        <v>7</v>
      </c>
      <c r="E180" s="37">
        <v>0</v>
      </c>
      <c r="F180" s="39">
        <v>3</v>
      </c>
      <c r="G180" s="37">
        <v>27.251000000000001</v>
      </c>
      <c r="H180" s="39">
        <v>16</v>
      </c>
      <c r="I180" s="37">
        <v>23.111000000000001</v>
      </c>
      <c r="J180" s="41">
        <v>7</v>
      </c>
      <c r="K180" s="37">
        <v>825.64300000000003</v>
      </c>
      <c r="L180" s="39">
        <v>4</v>
      </c>
      <c r="M180" s="37">
        <v>0</v>
      </c>
      <c r="N180" s="39">
        <v>7</v>
      </c>
      <c r="O180" s="37">
        <v>1064.9960000000001</v>
      </c>
      <c r="P180" s="39">
        <v>14</v>
      </c>
      <c r="Q180" s="37">
        <v>825.68299999999999</v>
      </c>
      <c r="R180" s="41">
        <v>4</v>
      </c>
      <c r="S180" s="43">
        <v>26</v>
      </c>
      <c r="T180" s="39" t="s">
        <v>25</v>
      </c>
      <c r="U180" s="37">
        <v>201.56800000000001</v>
      </c>
      <c r="V180" s="39">
        <v>3</v>
      </c>
      <c r="W180" s="37">
        <v>0</v>
      </c>
      <c r="X180" s="39">
        <v>7</v>
      </c>
      <c r="Y180" s="37">
        <v>228.739</v>
      </c>
      <c r="Z180" s="39">
        <v>17</v>
      </c>
      <c r="AA180" s="37">
        <v>201.56800000000001</v>
      </c>
      <c r="AB180" s="41">
        <v>3</v>
      </c>
      <c r="AC180" s="37">
        <v>1050.3219999999999</v>
      </c>
      <c r="AD180" s="39">
        <v>4</v>
      </c>
      <c r="AE180" s="37">
        <v>0</v>
      </c>
      <c r="AF180" s="39">
        <v>7</v>
      </c>
      <c r="AG180" s="37">
        <v>1320.9870000000001</v>
      </c>
      <c r="AH180" s="38">
        <v>14</v>
      </c>
      <c r="AI180" s="37">
        <v>1050.3620000000001</v>
      </c>
      <c r="AJ180" s="36">
        <v>4</v>
      </c>
    </row>
    <row r="181" spans="1:36" s="1" customFormat="1" ht="14.1" customHeight="1" x14ac:dyDescent="0.15">
      <c r="A181" s="43">
        <v>27</v>
      </c>
      <c r="B181" s="58" t="s">
        <v>24</v>
      </c>
      <c r="C181" s="37">
        <v>30.573</v>
      </c>
      <c r="D181" s="39">
        <v>1</v>
      </c>
      <c r="E181" s="37">
        <v>0</v>
      </c>
      <c r="F181" s="39">
        <v>3</v>
      </c>
      <c r="G181" s="37">
        <v>36.926000000000002</v>
      </c>
      <c r="H181" s="39">
        <v>1</v>
      </c>
      <c r="I181" s="37">
        <v>30.573</v>
      </c>
      <c r="J181" s="41">
        <v>1</v>
      </c>
      <c r="K181" s="37">
        <v>879.52800000000002</v>
      </c>
      <c r="L181" s="39">
        <v>1</v>
      </c>
      <c r="M181" s="37">
        <v>0</v>
      </c>
      <c r="N181" s="39">
        <v>7</v>
      </c>
      <c r="O181" s="37">
        <v>1076.4469999999999</v>
      </c>
      <c r="P181" s="39">
        <v>12</v>
      </c>
      <c r="Q181" s="37">
        <v>879.52800000000002</v>
      </c>
      <c r="R181" s="41">
        <v>1</v>
      </c>
      <c r="S181" s="43">
        <v>27</v>
      </c>
      <c r="T181" s="39" t="s">
        <v>24</v>
      </c>
      <c r="U181" s="37">
        <v>202.67</v>
      </c>
      <c r="V181" s="39">
        <v>2</v>
      </c>
      <c r="W181" s="37">
        <v>0</v>
      </c>
      <c r="X181" s="39">
        <v>7</v>
      </c>
      <c r="Y181" s="37">
        <v>227.01300000000001</v>
      </c>
      <c r="Z181" s="39">
        <v>19</v>
      </c>
      <c r="AA181" s="37">
        <v>202.67</v>
      </c>
      <c r="AB181" s="41">
        <v>2</v>
      </c>
      <c r="AC181" s="37">
        <v>1112.771</v>
      </c>
      <c r="AD181" s="39">
        <v>1</v>
      </c>
      <c r="AE181" s="37">
        <v>0</v>
      </c>
      <c r="AF181" s="39">
        <v>7</v>
      </c>
      <c r="AG181" s="37">
        <v>1340.386</v>
      </c>
      <c r="AH181" s="38">
        <v>12</v>
      </c>
      <c r="AI181" s="37">
        <v>1112.771</v>
      </c>
      <c r="AJ181" s="36">
        <v>1</v>
      </c>
    </row>
    <row r="182" spans="1:36" s="1" customFormat="1" ht="14.1" customHeight="1" x14ac:dyDescent="0.15">
      <c r="A182" s="43">
        <v>28</v>
      </c>
      <c r="B182" s="58" t="s">
        <v>23</v>
      </c>
      <c r="C182" s="37">
        <v>22.24</v>
      </c>
      <c r="D182" s="39">
        <v>10</v>
      </c>
      <c r="E182" s="37">
        <v>0</v>
      </c>
      <c r="F182" s="39">
        <v>3</v>
      </c>
      <c r="G182" s="37">
        <v>25.213999999999999</v>
      </c>
      <c r="H182" s="39">
        <v>29</v>
      </c>
      <c r="I182" s="37">
        <v>22.24</v>
      </c>
      <c r="J182" s="41">
        <v>10</v>
      </c>
      <c r="K182" s="37">
        <v>850.01599999999996</v>
      </c>
      <c r="L182" s="39">
        <v>3</v>
      </c>
      <c r="M182" s="37">
        <v>0</v>
      </c>
      <c r="N182" s="39">
        <v>7</v>
      </c>
      <c r="O182" s="37">
        <v>1167.2809999999999</v>
      </c>
      <c r="P182" s="39">
        <v>2</v>
      </c>
      <c r="Q182" s="37">
        <v>850.07899999999995</v>
      </c>
      <c r="R182" s="41">
        <v>3</v>
      </c>
      <c r="S182" s="43">
        <v>28</v>
      </c>
      <c r="T182" s="39" t="s">
        <v>23</v>
      </c>
      <c r="U182" s="37">
        <v>185.12100000000001</v>
      </c>
      <c r="V182" s="39">
        <v>17</v>
      </c>
      <c r="W182" s="37">
        <v>0</v>
      </c>
      <c r="X182" s="39">
        <v>7</v>
      </c>
      <c r="Y182" s="37">
        <v>227.78100000000001</v>
      </c>
      <c r="Z182" s="39">
        <v>18</v>
      </c>
      <c r="AA182" s="37">
        <v>185.12100000000001</v>
      </c>
      <c r="AB182" s="41">
        <v>17</v>
      </c>
      <c r="AC182" s="37">
        <v>1057.377</v>
      </c>
      <c r="AD182" s="39">
        <v>3</v>
      </c>
      <c r="AE182" s="37">
        <v>0</v>
      </c>
      <c r="AF182" s="39">
        <v>7</v>
      </c>
      <c r="AG182" s="37">
        <v>1420.2760000000001</v>
      </c>
      <c r="AH182" s="38">
        <v>3</v>
      </c>
      <c r="AI182" s="37">
        <v>1057.4390000000001</v>
      </c>
      <c r="AJ182" s="36">
        <v>3</v>
      </c>
    </row>
    <row r="183" spans="1:36" s="1" customFormat="1" ht="14.1" customHeight="1" x14ac:dyDescent="0.15">
      <c r="A183" s="43">
        <v>29</v>
      </c>
      <c r="B183" s="58" t="s">
        <v>22</v>
      </c>
      <c r="C183" s="37">
        <v>24.331</v>
      </c>
      <c r="D183" s="39">
        <v>4</v>
      </c>
      <c r="E183" s="37">
        <v>0</v>
      </c>
      <c r="F183" s="39">
        <v>3</v>
      </c>
      <c r="G183" s="37">
        <v>33.045999999999999</v>
      </c>
      <c r="H183" s="39">
        <v>3</v>
      </c>
      <c r="I183" s="37">
        <v>24.331</v>
      </c>
      <c r="J183" s="41">
        <v>4</v>
      </c>
      <c r="K183" s="37">
        <v>755.625</v>
      </c>
      <c r="L183" s="39">
        <v>23</v>
      </c>
      <c r="M183" s="37">
        <v>0</v>
      </c>
      <c r="N183" s="39">
        <v>7</v>
      </c>
      <c r="O183" s="37">
        <v>1044.27</v>
      </c>
      <c r="P183" s="39">
        <v>19</v>
      </c>
      <c r="Q183" s="37">
        <v>755.66099999999994</v>
      </c>
      <c r="R183" s="41">
        <v>23</v>
      </c>
      <c r="S183" s="43">
        <v>29</v>
      </c>
      <c r="T183" s="39" t="s">
        <v>22</v>
      </c>
      <c r="U183" s="37">
        <v>163.90600000000001</v>
      </c>
      <c r="V183" s="39">
        <v>30</v>
      </c>
      <c r="W183" s="37">
        <v>0</v>
      </c>
      <c r="X183" s="39">
        <v>7</v>
      </c>
      <c r="Y183" s="37">
        <v>200.863</v>
      </c>
      <c r="Z183" s="39">
        <v>29</v>
      </c>
      <c r="AA183" s="37">
        <v>163.90600000000001</v>
      </c>
      <c r="AB183" s="41">
        <v>30</v>
      </c>
      <c r="AC183" s="37">
        <v>943.86199999999997</v>
      </c>
      <c r="AD183" s="39">
        <v>25</v>
      </c>
      <c r="AE183" s="37">
        <v>0</v>
      </c>
      <c r="AF183" s="39">
        <v>7</v>
      </c>
      <c r="AG183" s="37">
        <v>1278.1790000000001</v>
      </c>
      <c r="AH183" s="38">
        <v>21</v>
      </c>
      <c r="AI183" s="37">
        <v>943.899</v>
      </c>
      <c r="AJ183" s="36">
        <v>25</v>
      </c>
    </row>
    <row r="184" spans="1:36" s="1" customFormat="1" ht="14.1" customHeight="1" x14ac:dyDescent="0.15">
      <c r="A184" s="43">
        <v>30</v>
      </c>
      <c r="B184" s="58" t="s">
        <v>21</v>
      </c>
      <c r="C184" s="37">
        <v>25.948</v>
      </c>
      <c r="D184" s="39">
        <v>3</v>
      </c>
      <c r="E184" s="37">
        <v>0</v>
      </c>
      <c r="F184" s="39">
        <v>3</v>
      </c>
      <c r="G184" s="37">
        <v>35.453000000000003</v>
      </c>
      <c r="H184" s="39">
        <v>2</v>
      </c>
      <c r="I184" s="37">
        <v>25.995000000000001</v>
      </c>
      <c r="J184" s="41">
        <v>3</v>
      </c>
      <c r="K184" s="37">
        <v>783.56</v>
      </c>
      <c r="L184" s="39">
        <v>14</v>
      </c>
      <c r="M184" s="37">
        <v>0</v>
      </c>
      <c r="N184" s="39">
        <v>7</v>
      </c>
      <c r="O184" s="37">
        <v>1036.9939999999999</v>
      </c>
      <c r="P184" s="39">
        <v>22</v>
      </c>
      <c r="Q184" s="37">
        <v>785.10500000000002</v>
      </c>
      <c r="R184" s="41">
        <v>14</v>
      </c>
      <c r="S184" s="43">
        <v>30</v>
      </c>
      <c r="T184" s="39" t="s">
        <v>21</v>
      </c>
      <c r="U184" s="37">
        <v>150.25800000000001</v>
      </c>
      <c r="V184" s="39">
        <v>32</v>
      </c>
      <c r="W184" s="37">
        <v>0</v>
      </c>
      <c r="X184" s="39">
        <v>7</v>
      </c>
      <c r="Y184" s="37">
        <v>178.709</v>
      </c>
      <c r="Z184" s="39">
        <v>31</v>
      </c>
      <c r="AA184" s="37">
        <v>151.054</v>
      </c>
      <c r="AB184" s="41">
        <v>32</v>
      </c>
      <c r="AC184" s="37">
        <v>959.76599999999996</v>
      </c>
      <c r="AD184" s="39">
        <v>21</v>
      </c>
      <c r="AE184" s="37">
        <v>0</v>
      </c>
      <c r="AF184" s="39">
        <v>7</v>
      </c>
      <c r="AG184" s="37">
        <v>1251.1559999999999</v>
      </c>
      <c r="AH184" s="38">
        <v>27</v>
      </c>
      <c r="AI184" s="37">
        <v>962.15499999999997</v>
      </c>
      <c r="AJ184" s="36">
        <v>21</v>
      </c>
    </row>
    <row r="185" spans="1:36" s="1" customFormat="1" ht="14.1" customHeight="1" x14ac:dyDescent="0.15">
      <c r="A185" s="43">
        <v>31</v>
      </c>
      <c r="B185" s="58" t="s">
        <v>20</v>
      </c>
      <c r="C185" s="37">
        <v>22.94</v>
      </c>
      <c r="D185" s="39">
        <v>8</v>
      </c>
      <c r="E185" s="37">
        <v>0</v>
      </c>
      <c r="F185" s="39">
        <v>3</v>
      </c>
      <c r="G185" s="37">
        <v>29.161000000000001</v>
      </c>
      <c r="H185" s="39">
        <v>8</v>
      </c>
      <c r="I185" s="37">
        <v>22.94</v>
      </c>
      <c r="J185" s="41">
        <v>8</v>
      </c>
      <c r="K185" s="37">
        <v>777.04399999999998</v>
      </c>
      <c r="L185" s="39">
        <v>16</v>
      </c>
      <c r="M185" s="37">
        <v>0</v>
      </c>
      <c r="N185" s="39">
        <v>7</v>
      </c>
      <c r="O185" s="37">
        <v>1014.472</v>
      </c>
      <c r="P185" s="39">
        <v>26</v>
      </c>
      <c r="Q185" s="37">
        <v>777.04399999999998</v>
      </c>
      <c r="R185" s="41">
        <v>16</v>
      </c>
      <c r="S185" s="43">
        <v>31</v>
      </c>
      <c r="T185" s="39" t="s">
        <v>20</v>
      </c>
      <c r="U185" s="37">
        <v>154.79599999999999</v>
      </c>
      <c r="V185" s="39">
        <v>31</v>
      </c>
      <c r="W185" s="37">
        <v>0</v>
      </c>
      <c r="X185" s="39">
        <v>7</v>
      </c>
      <c r="Y185" s="37">
        <v>174.81399999999999</v>
      </c>
      <c r="Z185" s="39">
        <v>32</v>
      </c>
      <c r="AA185" s="37">
        <v>154.79599999999999</v>
      </c>
      <c r="AB185" s="41">
        <v>31</v>
      </c>
      <c r="AC185" s="37">
        <v>954.78099999999995</v>
      </c>
      <c r="AD185" s="39">
        <v>22</v>
      </c>
      <c r="AE185" s="37">
        <v>0</v>
      </c>
      <c r="AF185" s="39">
        <v>7</v>
      </c>
      <c r="AG185" s="37">
        <v>1218.4469999999999</v>
      </c>
      <c r="AH185" s="38">
        <v>31</v>
      </c>
      <c r="AI185" s="37">
        <v>954.78099999999995</v>
      </c>
      <c r="AJ185" s="36">
        <v>22</v>
      </c>
    </row>
    <row r="186" spans="1:36" s="1" customFormat="1" ht="14.1" customHeight="1" x14ac:dyDescent="0.15">
      <c r="A186" s="43">
        <v>32</v>
      </c>
      <c r="B186" s="58" t="s">
        <v>19</v>
      </c>
      <c r="C186" s="37">
        <v>22.06</v>
      </c>
      <c r="D186" s="39">
        <v>12</v>
      </c>
      <c r="E186" s="37">
        <v>0</v>
      </c>
      <c r="F186" s="39">
        <v>3</v>
      </c>
      <c r="G186" s="37">
        <v>28.305</v>
      </c>
      <c r="H186" s="39">
        <v>10</v>
      </c>
      <c r="I186" s="37">
        <v>22.06</v>
      </c>
      <c r="J186" s="41">
        <v>12</v>
      </c>
      <c r="K186" s="37">
        <v>733.33699999999999</v>
      </c>
      <c r="L186" s="39">
        <v>27</v>
      </c>
      <c r="M186" s="37">
        <v>0</v>
      </c>
      <c r="N186" s="39">
        <v>7</v>
      </c>
      <c r="O186" s="37">
        <v>1001.97</v>
      </c>
      <c r="P186" s="39">
        <v>29</v>
      </c>
      <c r="Q186" s="37">
        <v>733.33699999999999</v>
      </c>
      <c r="R186" s="41">
        <v>27</v>
      </c>
      <c r="S186" s="43">
        <v>32</v>
      </c>
      <c r="T186" s="39" t="s">
        <v>19</v>
      </c>
      <c r="U186" s="37">
        <v>138.67099999999999</v>
      </c>
      <c r="V186" s="39">
        <v>33</v>
      </c>
      <c r="W186" s="37">
        <v>0</v>
      </c>
      <c r="X186" s="39">
        <v>7</v>
      </c>
      <c r="Y186" s="37">
        <v>169.703</v>
      </c>
      <c r="Z186" s="39">
        <v>33</v>
      </c>
      <c r="AA186" s="37">
        <v>138.67099999999999</v>
      </c>
      <c r="AB186" s="41">
        <v>33</v>
      </c>
      <c r="AC186" s="37">
        <v>894.06700000000001</v>
      </c>
      <c r="AD186" s="39">
        <v>32</v>
      </c>
      <c r="AE186" s="37">
        <v>0</v>
      </c>
      <c r="AF186" s="39">
        <v>7</v>
      </c>
      <c r="AG186" s="37">
        <v>1199.979</v>
      </c>
      <c r="AH186" s="38">
        <v>32</v>
      </c>
      <c r="AI186" s="37">
        <v>894.06700000000001</v>
      </c>
      <c r="AJ186" s="36">
        <v>32</v>
      </c>
    </row>
    <row r="187" spans="1:36" s="1" customFormat="1" ht="14.1" customHeight="1" thickBot="1" x14ac:dyDescent="0.2">
      <c r="A187" s="56">
        <v>33</v>
      </c>
      <c r="B187" s="57" t="s">
        <v>18</v>
      </c>
      <c r="C187" s="18">
        <v>27.891999999999999</v>
      </c>
      <c r="D187" s="29">
        <v>2</v>
      </c>
      <c r="E187" s="27">
        <v>0</v>
      </c>
      <c r="F187" s="29">
        <v>3</v>
      </c>
      <c r="G187" s="18">
        <v>30.303000000000001</v>
      </c>
      <c r="H187" s="29">
        <v>6</v>
      </c>
      <c r="I187" s="27">
        <v>27.891999999999999</v>
      </c>
      <c r="J187" s="31">
        <v>2</v>
      </c>
      <c r="K187" s="18">
        <v>756.298</v>
      </c>
      <c r="L187" s="29">
        <v>22</v>
      </c>
      <c r="M187" s="27">
        <v>0</v>
      </c>
      <c r="N187" s="29">
        <v>7</v>
      </c>
      <c r="O187" s="18">
        <v>944.05600000000004</v>
      </c>
      <c r="P187" s="29">
        <v>33</v>
      </c>
      <c r="Q187" s="27">
        <v>756.298</v>
      </c>
      <c r="R187" s="31">
        <v>22</v>
      </c>
      <c r="S187" s="56">
        <v>33</v>
      </c>
      <c r="T187" s="29" t="s">
        <v>18</v>
      </c>
      <c r="U187" s="18">
        <v>187.53200000000001</v>
      </c>
      <c r="V187" s="29">
        <v>13</v>
      </c>
      <c r="W187" s="27">
        <v>0</v>
      </c>
      <c r="X187" s="29">
        <v>7</v>
      </c>
      <c r="Y187" s="18">
        <v>216.084</v>
      </c>
      <c r="Z187" s="29">
        <v>23</v>
      </c>
      <c r="AA187" s="27">
        <v>187.53200000000001</v>
      </c>
      <c r="AB187" s="31">
        <v>13</v>
      </c>
      <c r="AC187" s="18">
        <v>971.72199999999998</v>
      </c>
      <c r="AD187" s="29">
        <v>15</v>
      </c>
      <c r="AE187" s="27">
        <v>0</v>
      </c>
      <c r="AF187" s="29">
        <v>7</v>
      </c>
      <c r="AG187" s="18">
        <v>1190.443</v>
      </c>
      <c r="AH187" s="28">
        <v>33</v>
      </c>
      <c r="AI187" s="27">
        <v>971.72199999999998</v>
      </c>
      <c r="AJ187" s="26">
        <v>15</v>
      </c>
    </row>
    <row r="188" spans="1:36" s="1" customFormat="1" ht="14.1" customHeight="1" thickTop="1" x14ac:dyDescent="0.15">
      <c r="A188" s="53">
        <v>301</v>
      </c>
      <c r="B188" s="45" t="s">
        <v>17</v>
      </c>
      <c r="C188" s="48">
        <v>7.3239999999999998</v>
      </c>
      <c r="D188" s="49">
        <v>6</v>
      </c>
      <c r="E188" s="55" t="s">
        <v>0</v>
      </c>
      <c r="F188" s="54" t="s">
        <v>1</v>
      </c>
      <c r="G188" s="48">
        <v>14.845000000000001</v>
      </c>
      <c r="H188" s="49">
        <v>6</v>
      </c>
      <c r="I188" s="46">
        <v>7.3239999999999998</v>
      </c>
      <c r="J188" s="52">
        <v>6</v>
      </c>
      <c r="K188" s="48">
        <v>533.84900000000005</v>
      </c>
      <c r="L188" s="49">
        <v>5</v>
      </c>
      <c r="M188" s="51" t="s">
        <v>1</v>
      </c>
      <c r="N188" s="50" t="s">
        <v>0</v>
      </c>
      <c r="O188" s="48">
        <v>726.88499999999999</v>
      </c>
      <c r="P188" s="49">
        <v>6</v>
      </c>
      <c r="Q188" s="46">
        <v>533.84900000000005</v>
      </c>
      <c r="R188" s="52">
        <v>5</v>
      </c>
      <c r="S188" s="53">
        <v>301</v>
      </c>
      <c r="T188" s="42" t="s">
        <v>17</v>
      </c>
      <c r="U188" s="48">
        <v>186.83600000000001</v>
      </c>
      <c r="V188" s="49">
        <v>1</v>
      </c>
      <c r="W188" s="51" t="s">
        <v>1</v>
      </c>
      <c r="X188" s="50" t="s">
        <v>0</v>
      </c>
      <c r="Y188" s="48">
        <v>244.65199999999999</v>
      </c>
      <c r="Z188" s="49">
        <v>3</v>
      </c>
      <c r="AA188" s="46">
        <v>186.83600000000001</v>
      </c>
      <c r="AB188" s="52">
        <v>1</v>
      </c>
      <c r="AC188" s="48">
        <v>728.00800000000004</v>
      </c>
      <c r="AD188" s="49">
        <v>3</v>
      </c>
      <c r="AE188" s="51" t="s">
        <v>1</v>
      </c>
      <c r="AF188" s="50" t="s">
        <v>0</v>
      </c>
      <c r="AG188" s="48">
        <v>986.38199999999995</v>
      </c>
      <c r="AH188" s="47">
        <v>6</v>
      </c>
      <c r="AI188" s="46">
        <v>728.00800000000004</v>
      </c>
      <c r="AJ188" s="36">
        <v>3</v>
      </c>
    </row>
    <row r="189" spans="1:36" s="1" customFormat="1" ht="14.1" customHeight="1" x14ac:dyDescent="0.15">
      <c r="A189" s="43">
        <v>302</v>
      </c>
      <c r="B189" s="45" t="s">
        <v>16</v>
      </c>
      <c r="C189" s="37">
        <v>7.9740000000000002</v>
      </c>
      <c r="D189" s="39">
        <v>4</v>
      </c>
      <c r="E189" s="44" t="s">
        <v>0</v>
      </c>
      <c r="F189" s="44" t="s">
        <v>0</v>
      </c>
      <c r="G189" s="37">
        <v>16.687999999999999</v>
      </c>
      <c r="H189" s="39">
        <v>5</v>
      </c>
      <c r="I189" s="37">
        <v>7.9740000000000002</v>
      </c>
      <c r="J189" s="41">
        <v>4</v>
      </c>
      <c r="K189" s="37">
        <v>563.625</v>
      </c>
      <c r="L189" s="39">
        <v>3</v>
      </c>
      <c r="M189" s="40" t="s">
        <v>1</v>
      </c>
      <c r="N189" s="40" t="s">
        <v>0</v>
      </c>
      <c r="O189" s="37">
        <v>935.39800000000002</v>
      </c>
      <c r="P189" s="39">
        <v>5</v>
      </c>
      <c r="Q189" s="37">
        <v>563.625</v>
      </c>
      <c r="R189" s="41">
        <v>3</v>
      </c>
      <c r="S189" s="43">
        <v>302</v>
      </c>
      <c r="T189" s="42" t="s">
        <v>15</v>
      </c>
      <c r="U189" s="37">
        <v>64.364999999999995</v>
      </c>
      <c r="V189" s="39">
        <v>6</v>
      </c>
      <c r="W189" s="40" t="s">
        <v>1</v>
      </c>
      <c r="X189" s="40" t="s">
        <v>0</v>
      </c>
      <c r="Y189" s="37">
        <v>71.120999999999995</v>
      </c>
      <c r="Z189" s="39">
        <v>6</v>
      </c>
      <c r="AA189" s="37">
        <v>64.364999999999995</v>
      </c>
      <c r="AB189" s="41">
        <v>6</v>
      </c>
      <c r="AC189" s="37">
        <v>635.96299999999997</v>
      </c>
      <c r="AD189" s="39">
        <v>6</v>
      </c>
      <c r="AE189" s="40" t="s">
        <v>0</v>
      </c>
      <c r="AF189" s="40" t="s">
        <v>0</v>
      </c>
      <c r="AG189" s="37">
        <v>1023.207</v>
      </c>
      <c r="AH189" s="38">
        <v>5</v>
      </c>
      <c r="AI189" s="37">
        <v>635.96299999999997</v>
      </c>
      <c r="AJ189" s="36">
        <v>6</v>
      </c>
    </row>
    <row r="190" spans="1:36" s="1" customFormat="1" ht="14.1" customHeight="1" x14ac:dyDescent="0.15">
      <c r="A190" s="43">
        <v>303</v>
      </c>
      <c r="B190" s="45" t="s">
        <v>14</v>
      </c>
      <c r="C190" s="37">
        <v>9.6259999999999994</v>
      </c>
      <c r="D190" s="39">
        <v>3</v>
      </c>
      <c r="E190" s="44" t="s">
        <v>0</v>
      </c>
      <c r="F190" s="44" t="s">
        <v>0</v>
      </c>
      <c r="G190" s="37">
        <v>20.268999999999998</v>
      </c>
      <c r="H190" s="39">
        <v>4</v>
      </c>
      <c r="I190" s="37">
        <v>9.6259999999999994</v>
      </c>
      <c r="J190" s="41">
        <v>3</v>
      </c>
      <c r="K190" s="37">
        <v>608.29100000000005</v>
      </c>
      <c r="L190" s="39">
        <v>2</v>
      </c>
      <c r="M190" s="40" t="s">
        <v>1</v>
      </c>
      <c r="N190" s="40" t="s">
        <v>0</v>
      </c>
      <c r="O190" s="37">
        <v>1125.8620000000001</v>
      </c>
      <c r="P190" s="39">
        <v>1</v>
      </c>
      <c r="Q190" s="37">
        <v>608.29100000000005</v>
      </c>
      <c r="R190" s="41">
        <v>2</v>
      </c>
      <c r="S190" s="43">
        <v>303</v>
      </c>
      <c r="T190" s="42" t="s">
        <v>14</v>
      </c>
      <c r="U190" s="37">
        <v>183.74799999999999</v>
      </c>
      <c r="V190" s="39">
        <v>2</v>
      </c>
      <c r="W190" s="40" t="s">
        <v>1</v>
      </c>
      <c r="X190" s="40" t="s">
        <v>0</v>
      </c>
      <c r="Y190" s="37">
        <v>270.81599999999997</v>
      </c>
      <c r="Z190" s="39">
        <v>1</v>
      </c>
      <c r="AA190" s="37">
        <v>183.74799999999999</v>
      </c>
      <c r="AB190" s="41">
        <v>2</v>
      </c>
      <c r="AC190" s="37">
        <v>801.66600000000005</v>
      </c>
      <c r="AD190" s="39">
        <v>2</v>
      </c>
      <c r="AE190" s="40" t="s">
        <v>0</v>
      </c>
      <c r="AF190" s="40" t="s">
        <v>1</v>
      </c>
      <c r="AG190" s="37">
        <v>1416.9469999999999</v>
      </c>
      <c r="AH190" s="38">
        <v>1</v>
      </c>
      <c r="AI190" s="37">
        <v>801.66600000000005</v>
      </c>
      <c r="AJ190" s="36">
        <v>2</v>
      </c>
    </row>
    <row r="191" spans="1:36" s="1" customFormat="1" ht="14.1" customHeight="1" x14ac:dyDescent="0.15">
      <c r="A191" s="43">
        <v>304</v>
      </c>
      <c r="B191" s="45" t="s">
        <v>13</v>
      </c>
      <c r="C191" s="37">
        <v>7.9</v>
      </c>
      <c r="D191" s="39">
        <v>5</v>
      </c>
      <c r="E191" s="44" t="s">
        <v>0</v>
      </c>
      <c r="F191" s="44" t="s">
        <v>1</v>
      </c>
      <c r="G191" s="37">
        <v>20.93</v>
      </c>
      <c r="H191" s="39">
        <v>3</v>
      </c>
      <c r="I191" s="37">
        <v>7.9</v>
      </c>
      <c r="J191" s="41">
        <v>5</v>
      </c>
      <c r="K191" s="37">
        <v>691.38400000000001</v>
      </c>
      <c r="L191" s="39">
        <v>1</v>
      </c>
      <c r="M191" s="40" t="s">
        <v>0</v>
      </c>
      <c r="N191" s="40" t="s">
        <v>0</v>
      </c>
      <c r="O191" s="37">
        <v>1097.1579999999999</v>
      </c>
      <c r="P191" s="39">
        <v>4</v>
      </c>
      <c r="Q191" s="37">
        <v>691.38400000000001</v>
      </c>
      <c r="R191" s="41">
        <v>1</v>
      </c>
      <c r="S191" s="43">
        <v>304</v>
      </c>
      <c r="T191" s="42" t="s">
        <v>12</v>
      </c>
      <c r="U191" s="37">
        <v>183.56299999999999</v>
      </c>
      <c r="V191" s="39">
        <v>3</v>
      </c>
      <c r="W191" s="40" t="s">
        <v>0</v>
      </c>
      <c r="X191" s="40" t="s">
        <v>0</v>
      </c>
      <c r="Y191" s="37">
        <v>256.072</v>
      </c>
      <c r="Z191" s="39">
        <v>2</v>
      </c>
      <c r="AA191" s="37">
        <v>183.56299999999999</v>
      </c>
      <c r="AB191" s="41">
        <v>3</v>
      </c>
      <c r="AC191" s="37">
        <v>882.84699999999998</v>
      </c>
      <c r="AD191" s="39">
        <v>1</v>
      </c>
      <c r="AE191" s="40" t="s">
        <v>0</v>
      </c>
      <c r="AF191" s="40" t="s">
        <v>0</v>
      </c>
      <c r="AG191" s="37">
        <v>1374.16</v>
      </c>
      <c r="AH191" s="38">
        <v>2</v>
      </c>
      <c r="AI191" s="37">
        <v>882.84699999999998</v>
      </c>
      <c r="AJ191" s="36">
        <v>1</v>
      </c>
    </row>
    <row r="192" spans="1:36" s="1" customFormat="1" ht="14.1" customHeight="1" x14ac:dyDescent="0.15">
      <c r="A192" s="43">
        <v>305</v>
      </c>
      <c r="B192" s="45" t="s">
        <v>11</v>
      </c>
      <c r="C192" s="37">
        <v>9.7370000000000001</v>
      </c>
      <c r="D192" s="39">
        <v>2</v>
      </c>
      <c r="E192" s="44" t="s">
        <v>0</v>
      </c>
      <c r="F192" s="44" t="s">
        <v>0</v>
      </c>
      <c r="G192" s="37">
        <v>26.869</v>
      </c>
      <c r="H192" s="39">
        <v>2</v>
      </c>
      <c r="I192" s="37">
        <v>9.7370000000000001</v>
      </c>
      <c r="J192" s="41">
        <v>2</v>
      </c>
      <c r="K192" s="37">
        <v>553.96900000000005</v>
      </c>
      <c r="L192" s="39">
        <v>4</v>
      </c>
      <c r="M192" s="40" t="s">
        <v>0</v>
      </c>
      <c r="N192" s="40" t="s">
        <v>0</v>
      </c>
      <c r="O192" s="37">
        <v>1112.1210000000001</v>
      </c>
      <c r="P192" s="39">
        <v>2</v>
      </c>
      <c r="Q192" s="37">
        <v>553.96900000000005</v>
      </c>
      <c r="R192" s="41">
        <v>4</v>
      </c>
      <c r="S192" s="43">
        <v>305</v>
      </c>
      <c r="T192" s="42" t="s">
        <v>11</v>
      </c>
      <c r="U192" s="37">
        <v>148.75</v>
      </c>
      <c r="V192" s="39">
        <v>4</v>
      </c>
      <c r="W192" s="40" t="s">
        <v>0</v>
      </c>
      <c r="X192" s="40" t="s">
        <v>0</v>
      </c>
      <c r="Y192" s="37">
        <v>203.73699999999999</v>
      </c>
      <c r="Z192" s="39">
        <v>4</v>
      </c>
      <c r="AA192" s="37">
        <v>148.75</v>
      </c>
      <c r="AB192" s="41">
        <v>4</v>
      </c>
      <c r="AC192" s="37">
        <v>712.45600000000002</v>
      </c>
      <c r="AD192" s="39">
        <v>4</v>
      </c>
      <c r="AE192" s="40" t="s">
        <v>0</v>
      </c>
      <c r="AF192" s="40" t="s">
        <v>0</v>
      </c>
      <c r="AG192" s="37">
        <v>1342.7270000000001</v>
      </c>
      <c r="AH192" s="38">
        <v>3</v>
      </c>
      <c r="AI192" s="37">
        <v>712.45600000000002</v>
      </c>
      <c r="AJ192" s="36">
        <v>4</v>
      </c>
    </row>
    <row r="193" spans="1:36" s="1" customFormat="1" ht="14.1" customHeight="1" thickBot="1" x14ac:dyDescent="0.2">
      <c r="A193" s="33">
        <v>306</v>
      </c>
      <c r="B193" s="35" t="s">
        <v>10</v>
      </c>
      <c r="C193" s="18">
        <v>10.135</v>
      </c>
      <c r="D193" s="29">
        <v>1</v>
      </c>
      <c r="E193" s="34" t="s">
        <v>0</v>
      </c>
      <c r="F193" s="34" t="s">
        <v>0</v>
      </c>
      <c r="G193" s="18">
        <v>30.437999999999999</v>
      </c>
      <c r="H193" s="29">
        <v>1</v>
      </c>
      <c r="I193" s="27">
        <v>10.135</v>
      </c>
      <c r="J193" s="31">
        <v>1</v>
      </c>
      <c r="K193" s="18">
        <v>522.78899999999999</v>
      </c>
      <c r="L193" s="29">
        <v>6</v>
      </c>
      <c r="M193" s="30" t="s">
        <v>0</v>
      </c>
      <c r="N193" s="30" t="s">
        <v>0</v>
      </c>
      <c r="O193" s="18">
        <v>1101.681</v>
      </c>
      <c r="P193" s="29">
        <v>3</v>
      </c>
      <c r="Q193" s="18">
        <v>522.78899999999999</v>
      </c>
      <c r="R193" s="31">
        <v>6</v>
      </c>
      <c r="S193" s="33">
        <v>306</v>
      </c>
      <c r="T193" s="32" t="s">
        <v>10</v>
      </c>
      <c r="U193" s="18">
        <v>147.666</v>
      </c>
      <c r="V193" s="29">
        <v>5</v>
      </c>
      <c r="W193" s="30" t="s">
        <v>0</v>
      </c>
      <c r="X193" s="30" t="s">
        <v>0</v>
      </c>
      <c r="Y193" s="18">
        <v>202.51499999999999</v>
      </c>
      <c r="Z193" s="29">
        <v>5</v>
      </c>
      <c r="AA193" s="18">
        <v>147.666</v>
      </c>
      <c r="AB193" s="31">
        <v>5</v>
      </c>
      <c r="AC193" s="18">
        <v>680.59</v>
      </c>
      <c r="AD193" s="29">
        <v>5</v>
      </c>
      <c r="AE193" s="30" t="s">
        <v>0</v>
      </c>
      <c r="AF193" s="30" t="s">
        <v>0</v>
      </c>
      <c r="AG193" s="18">
        <v>1334.634</v>
      </c>
      <c r="AH193" s="28">
        <v>4</v>
      </c>
      <c r="AI193" s="27">
        <v>680.59</v>
      </c>
      <c r="AJ193" s="26">
        <v>5</v>
      </c>
    </row>
    <row r="194" spans="1:36" s="1" customFormat="1" ht="14.1" customHeight="1" thickTop="1" thickBot="1" x14ac:dyDescent="0.2">
      <c r="A194" s="25" t="s">
        <v>9</v>
      </c>
      <c r="B194" s="20"/>
      <c r="C194" s="18">
        <v>19.591000000000001</v>
      </c>
      <c r="D194" s="19" t="s">
        <v>0</v>
      </c>
      <c r="E194" s="24">
        <v>137.5</v>
      </c>
      <c r="F194" s="19" t="s">
        <v>0</v>
      </c>
      <c r="G194" s="18">
        <v>27.32</v>
      </c>
      <c r="H194" s="19" t="s">
        <v>0</v>
      </c>
      <c r="I194" s="16">
        <v>19.591999999999999</v>
      </c>
      <c r="J194" s="22" t="s">
        <v>2</v>
      </c>
      <c r="K194" s="18">
        <v>778.45600000000002</v>
      </c>
      <c r="L194" s="17" t="s">
        <v>0</v>
      </c>
      <c r="M194" s="24">
        <v>2037.5</v>
      </c>
      <c r="N194" s="17" t="s">
        <v>0</v>
      </c>
      <c r="O194" s="18">
        <v>1104.76</v>
      </c>
      <c r="P194" s="17" t="s">
        <v>0</v>
      </c>
      <c r="Q194" s="16">
        <v>778.46199999999999</v>
      </c>
      <c r="R194" s="15" t="s">
        <v>0</v>
      </c>
      <c r="S194" s="25" t="s">
        <v>8</v>
      </c>
      <c r="T194" s="20"/>
      <c r="U194" s="18">
        <v>183.58</v>
      </c>
      <c r="V194" s="17" t="s">
        <v>0</v>
      </c>
      <c r="W194" s="24">
        <v>675</v>
      </c>
      <c r="X194" s="17" t="s">
        <v>2</v>
      </c>
      <c r="Y194" s="18">
        <v>233.89599999999999</v>
      </c>
      <c r="Z194" s="17" t="s">
        <v>0</v>
      </c>
      <c r="AA194" s="24">
        <v>183.58199999999999</v>
      </c>
      <c r="AB194" s="15" t="s">
        <v>2</v>
      </c>
      <c r="AC194" s="18">
        <v>981.62800000000004</v>
      </c>
      <c r="AD194" s="17" t="s">
        <v>2</v>
      </c>
      <c r="AE194" s="24">
        <v>2850</v>
      </c>
      <c r="AF194" s="17" t="s">
        <v>0</v>
      </c>
      <c r="AG194" s="18">
        <v>1365.9760000000001</v>
      </c>
      <c r="AH194" s="17" t="s">
        <v>1</v>
      </c>
      <c r="AI194" s="16">
        <v>981.63599999999997</v>
      </c>
      <c r="AJ194" s="15" t="s">
        <v>2</v>
      </c>
    </row>
    <row r="195" spans="1:36" s="1" customFormat="1" ht="14.1" customHeight="1" thickTop="1" thickBot="1" x14ac:dyDescent="0.2">
      <c r="A195" s="21" t="s">
        <v>7</v>
      </c>
      <c r="B195" s="20"/>
      <c r="C195" s="18">
        <v>21.673999999999999</v>
      </c>
      <c r="D195" s="19" t="s">
        <v>0</v>
      </c>
      <c r="E195" s="18">
        <v>0</v>
      </c>
      <c r="F195" s="19" t="s">
        <v>0</v>
      </c>
      <c r="G195" s="18">
        <v>27.81</v>
      </c>
      <c r="H195" s="19" t="s">
        <v>1</v>
      </c>
      <c r="I195" s="16">
        <v>21.677</v>
      </c>
      <c r="J195" s="22" t="s">
        <v>2</v>
      </c>
      <c r="K195" s="18">
        <v>773.29899999999998</v>
      </c>
      <c r="L195" s="17" t="s">
        <v>0</v>
      </c>
      <c r="M195" s="18">
        <v>0</v>
      </c>
      <c r="N195" s="17" t="s">
        <v>0</v>
      </c>
      <c r="O195" s="18">
        <v>1039.8440000000001</v>
      </c>
      <c r="P195" s="17" t="s">
        <v>0</v>
      </c>
      <c r="Q195" s="23">
        <v>773.38499999999999</v>
      </c>
      <c r="R195" s="15" t="s">
        <v>1</v>
      </c>
      <c r="S195" s="21" t="s">
        <v>7</v>
      </c>
      <c r="T195" s="20"/>
      <c r="U195" s="18">
        <v>174.12700000000001</v>
      </c>
      <c r="V195" s="17" t="s">
        <v>0</v>
      </c>
      <c r="W195" s="18">
        <v>0</v>
      </c>
      <c r="X195" s="17" t="s">
        <v>1</v>
      </c>
      <c r="Y195" s="18">
        <v>210.72800000000001</v>
      </c>
      <c r="Z195" s="17" t="s">
        <v>0</v>
      </c>
      <c r="AA195" s="24">
        <v>174.15199999999999</v>
      </c>
      <c r="AB195" s="15" t="s">
        <v>0</v>
      </c>
      <c r="AC195" s="18">
        <v>969.1</v>
      </c>
      <c r="AD195" s="17" t="s">
        <v>0</v>
      </c>
      <c r="AE195" s="18">
        <v>0</v>
      </c>
      <c r="AF195" s="17" t="s">
        <v>1</v>
      </c>
      <c r="AG195" s="18">
        <v>1278.3810000000001</v>
      </c>
      <c r="AH195" s="17" t="s">
        <v>0</v>
      </c>
      <c r="AI195" s="23">
        <v>969.21299999999997</v>
      </c>
      <c r="AJ195" s="15" t="s">
        <v>0</v>
      </c>
    </row>
    <row r="196" spans="1:36" s="1" customFormat="1" ht="14.1" customHeight="1" thickTop="1" thickBot="1" x14ac:dyDescent="0.2">
      <c r="A196" s="21" t="s">
        <v>6</v>
      </c>
      <c r="B196" s="20"/>
      <c r="C196" s="18">
        <v>19.672000000000001</v>
      </c>
      <c r="D196" s="19" t="s">
        <v>1</v>
      </c>
      <c r="E196" s="18">
        <v>162.5</v>
      </c>
      <c r="F196" s="19" t="s">
        <v>0</v>
      </c>
      <c r="G196" s="18">
        <v>27.341000000000001</v>
      </c>
      <c r="H196" s="19" t="s">
        <v>0</v>
      </c>
      <c r="I196" s="23">
        <v>19.672999999999998</v>
      </c>
      <c r="J196" s="22" t="s">
        <v>0</v>
      </c>
      <c r="K196" s="18">
        <v>778.255</v>
      </c>
      <c r="L196" s="17" t="s">
        <v>0</v>
      </c>
      <c r="M196" s="18">
        <v>2787.5</v>
      </c>
      <c r="N196" s="17" t="s">
        <v>0</v>
      </c>
      <c r="O196" s="18">
        <v>1101.9179999999999</v>
      </c>
      <c r="P196" s="17" t="s">
        <v>0</v>
      </c>
      <c r="Q196" s="16">
        <v>778.26400000000001</v>
      </c>
      <c r="R196" s="15" t="s">
        <v>0</v>
      </c>
      <c r="S196" s="21" t="s">
        <v>6</v>
      </c>
      <c r="T196" s="20"/>
      <c r="U196" s="18">
        <v>183.21100000000001</v>
      </c>
      <c r="V196" s="17" t="s">
        <v>0</v>
      </c>
      <c r="W196" s="18">
        <v>887.5</v>
      </c>
      <c r="X196" s="17" t="s">
        <v>2</v>
      </c>
      <c r="Y196" s="18">
        <v>232.88200000000001</v>
      </c>
      <c r="Z196" s="17" t="s">
        <v>1</v>
      </c>
      <c r="AA196" s="23">
        <v>183.214</v>
      </c>
      <c r="AB196" s="15" t="s">
        <v>0</v>
      </c>
      <c r="AC196" s="18">
        <v>981.13900000000001</v>
      </c>
      <c r="AD196" s="17" t="s">
        <v>0</v>
      </c>
      <c r="AE196" s="18">
        <v>3837.5</v>
      </c>
      <c r="AF196" s="17" t="s">
        <v>0</v>
      </c>
      <c r="AG196" s="18">
        <v>1362.1420000000001</v>
      </c>
      <c r="AH196" s="17" t="s">
        <v>0</v>
      </c>
      <c r="AI196" s="16">
        <v>981.15099999999995</v>
      </c>
      <c r="AJ196" s="15" t="s">
        <v>0</v>
      </c>
    </row>
    <row r="197" spans="1:36" s="1" customFormat="1" ht="14.1" customHeight="1" thickTop="1" thickBot="1" x14ac:dyDescent="0.2">
      <c r="A197" s="21" t="s">
        <v>5</v>
      </c>
      <c r="B197" s="20"/>
      <c r="C197" s="18">
        <v>9.4580000000000002</v>
      </c>
      <c r="D197" s="19" t="s">
        <v>0</v>
      </c>
      <c r="E197" s="19" t="s">
        <v>1</v>
      </c>
      <c r="F197" s="19" t="s">
        <v>0</v>
      </c>
      <c r="G197" s="18">
        <v>25.334</v>
      </c>
      <c r="H197" s="19" t="s">
        <v>0</v>
      </c>
      <c r="I197" s="16">
        <v>9.4580000000000002</v>
      </c>
      <c r="J197" s="22" t="s">
        <v>0</v>
      </c>
      <c r="K197" s="18">
        <v>544.13900000000001</v>
      </c>
      <c r="L197" s="17" t="s">
        <v>0</v>
      </c>
      <c r="M197" s="17" t="s">
        <v>1</v>
      </c>
      <c r="N197" s="17" t="s">
        <v>0</v>
      </c>
      <c r="O197" s="18">
        <v>1048.146</v>
      </c>
      <c r="P197" s="17" t="s">
        <v>0</v>
      </c>
      <c r="Q197" s="16">
        <v>544.13900000000001</v>
      </c>
      <c r="R197" s="15" t="s">
        <v>1</v>
      </c>
      <c r="S197" s="21" t="s">
        <v>4</v>
      </c>
      <c r="T197" s="20"/>
      <c r="U197" s="18">
        <v>145.779</v>
      </c>
      <c r="V197" s="17" t="s">
        <v>0</v>
      </c>
      <c r="W197" s="17" t="s">
        <v>0</v>
      </c>
      <c r="X197" s="17" t="s">
        <v>0</v>
      </c>
      <c r="Y197" s="18">
        <v>206.05500000000001</v>
      </c>
      <c r="Z197" s="17" t="s">
        <v>0</v>
      </c>
      <c r="AA197" s="16">
        <v>145.779</v>
      </c>
      <c r="AB197" s="15" t="s">
        <v>0</v>
      </c>
      <c r="AC197" s="18">
        <v>699.37699999999995</v>
      </c>
      <c r="AD197" s="17" t="s">
        <v>0</v>
      </c>
      <c r="AE197" s="17" t="s">
        <v>0</v>
      </c>
      <c r="AF197" s="17" t="s">
        <v>0</v>
      </c>
      <c r="AG197" s="18">
        <v>1279.5340000000001</v>
      </c>
      <c r="AH197" s="17" t="s">
        <v>0</v>
      </c>
      <c r="AI197" s="16">
        <v>699.37699999999995</v>
      </c>
      <c r="AJ197" s="15" t="s">
        <v>0</v>
      </c>
    </row>
    <row r="198" spans="1:36" s="1" customFormat="1" ht="14.1" customHeight="1" thickTop="1" thickBot="1" x14ac:dyDescent="0.2">
      <c r="A198" s="13" t="s">
        <v>3</v>
      </c>
      <c r="B198" s="12"/>
      <c r="C198" s="9">
        <v>18.966999999999999</v>
      </c>
      <c r="D198" s="10" t="s">
        <v>0</v>
      </c>
      <c r="E198" s="11">
        <v>162.5</v>
      </c>
      <c r="F198" s="10" t="s">
        <v>0</v>
      </c>
      <c r="G198" s="9">
        <v>27.300999999999998</v>
      </c>
      <c r="H198" s="10" t="s">
        <v>0</v>
      </c>
      <c r="I198" s="7">
        <v>18.966999999999999</v>
      </c>
      <c r="J198" s="14" t="s">
        <v>0</v>
      </c>
      <c r="K198" s="9">
        <v>762.08299999999997</v>
      </c>
      <c r="L198" s="8" t="s">
        <v>0</v>
      </c>
      <c r="M198" s="11">
        <v>2787.5</v>
      </c>
      <c r="N198" s="8" t="s">
        <v>1</v>
      </c>
      <c r="O198" s="9">
        <v>1100.8420000000001</v>
      </c>
      <c r="P198" s="8" t="s">
        <v>0</v>
      </c>
      <c r="Q198" s="7">
        <v>762.09100000000001</v>
      </c>
      <c r="R198" s="6" t="s">
        <v>0</v>
      </c>
      <c r="S198" s="13" t="s">
        <v>3</v>
      </c>
      <c r="T198" s="12"/>
      <c r="U198" s="9">
        <v>180.625</v>
      </c>
      <c r="V198" s="8" t="s">
        <v>2</v>
      </c>
      <c r="W198" s="11">
        <v>887.5</v>
      </c>
      <c r="X198" s="8" t="s">
        <v>0</v>
      </c>
      <c r="Y198" s="9">
        <v>232.345</v>
      </c>
      <c r="Z198" s="8" t="s">
        <v>1</v>
      </c>
      <c r="AA198" s="7">
        <v>180.62799999999999</v>
      </c>
      <c r="AB198" s="6" t="s">
        <v>0</v>
      </c>
      <c r="AC198" s="9">
        <v>961.67499999999995</v>
      </c>
      <c r="AD198" s="8" t="s">
        <v>1</v>
      </c>
      <c r="AE198" s="11">
        <v>3837.5</v>
      </c>
      <c r="AF198" s="8" t="s">
        <v>0</v>
      </c>
      <c r="AG198" s="9">
        <v>1360.4880000000001</v>
      </c>
      <c r="AH198" s="8" t="s">
        <v>0</v>
      </c>
      <c r="AI198" s="7">
        <v>961.68700000000001</v>
      </c>
      <c r="AJ198" s="6" t="s">
        <v>0</v>
      </c>
    </row>
    <row r="199" spans="1:36" s="1" customFormat="1" ht="15.75" customHeight="1" x14ac:dyDescent="0.15">
      <c r="A199" s="5"/>
      <c r="B199" s="5"/>
      <c r="C199" s="5"/>
      <c r="D199" s="5"/>
      <c r="E199" s="5"/>
      <c r="F199" s="5"/>
      <c r="G199" s="5"/>
      <c r="H199" s="5"/>
      <c r="I199" s="4"/>
      <c r="J199" s="5"/>
      <c r="K199" s="5"/>
      <c r="L199" s="5"/>
      <c r="M199" s="5"/>
      <c r="N199" s="5"/>
      <c r="O199" s="5"/>
      <c r="P199" s="5"/>
      <c r="Q199" s="5"/>
      <c r="R199" s="3"/>
      <c r="S199" s="3"/>
      <c r="T199" s="3"/>
      <c r="U199" s="5"/>
      <c r="V199" s="5"/>
      <c r="W199" s="5"/>
      <c r="X199" s="5"/>
      <c r="Y199" s="5"/>
      <c r="Z199" s="5"/>
      <c r="AA199" s="5"/>
      <c r="AB199" s="3"/>
      <c r="AC199" s="5"/>
      <c r="AD199" s="5"/>
      <c r="AE199" s="5"/>
      <c r="AF199" s="5"/>
      <c r="AG199" s="5"/>
      <c r="AH199" s="5"/>
      <c r="AI199" s="4"/>
      <c r="AJ199" s="3"/>
    </row>
    <row r="200" spans="1:36" s="1" customFormat="1" ht="15.75" customHeight="1" x14ac:dyDescent="0.15">
      <c r="R200" s="2"/>
      <c r="S200" s="2"/>
      <c r="T200" s="2"/>
      <c r="AB200" s="2"/>
      <c r="AJ200" s="2"/>
    </row>
    <row r="201" spans="1:36" s="1" customFormat="1" ht="15.75" customHeight="1" x14ac:dyDescent="0.15">
      <c r="AB201" s="2"/>
    </row>
    <row r="202" spans="1:36" s="1" customFormat="1" ht="15.75" customHeight="1" x14ac:dyDescent="0.15">
      <c r="AB202" s="2"/>
    </row>
    <row r="203" spans="1:36" s="1" customFormat="1" ht="15.75" customHeight="1" x14ac:dyDescent="0.15">
      <c r="AB203" s="2"/>
    </row>
    <row r="204" spans="1:36" s="1" customFormat="1" ht="15.75" customHeight="1" x14ac:dyDescent="0.15">
      <c r="AB204" s="2"/>
    </row>
    <row r="205" spans="1:36" s="1" customFormat="1" ht="15.75" customHeight="1" x14ac:dyDescent="0.15">
      <c r="AB205" s="2"/>
    </row>
    <row r="206" spans="1:36" s="1" customFormat="1" ht="15.75" customHeight="1" x14ac:dyDescent="0.15">
      <c r="AB206" s="2"/>
    </row>
    <row r="207" spans="1:36" s="1" customFormat="1" ht="15.75" customHeight="1" x14ac:dyDescent="0.15">
      <c r="AB207" s="2"/>
    </row>
    <row r="208" spans="1:36" s="1" customFormat="1" ht="15.75" customHeight="1" x14ac:dyDescent="0.15">
      <c r="AB208" s="2"/>
    </row>
    <row r="209" spans="28:28" s="1" customFormat="1" ht="15.75" customHeight="1" x14ac:dyDescent="0.15">
      <c r="AB209" s="2"/>
    </row>
    <row r="210" spans="28:28" s="1" customFormat="1" ht="15.75" customHeight="1" x14ac:dyDescent="0.15">
      <c r="AB210" s="2"/>
    </row>
    <row r="211" spans="28:28" s="1" customFormat="1" ht="15.75" customHeight="1" x14ac:dyDescent="0.15">
      <c r="AB211" s="2"/>
    </row>
    <row r="212" spans="28:28" s="1" customFormat="1" ht="15.75" customHeight="1" x14ac:dyDescent="0.15">
      <c r="AB212" s="2"/>
    </row>
    <row r="213" spans="28:28" s="1" customFormat="1" ht="15.75" customHeight="1" x14ac:dyDescent="0.15">
      <c r="AB213" s="2"/>
    </row>
    <row r="214" spans="28:28" s="1" customFormat="1" ht="15.75" customHeight="1" x14ac:dyDescent="0.15">
      <c r="AB214" s="2"/>
    </row>
    <row r="215" spans="28:28" s="1" customFormat="1" ht="15.75" customHeight="1" x14ac:dyDescent="0.15">
      <c r="AB215" s="2"/>
    </row>
    <row r="216" spans="28:28" s="1" customFormat="1" ht="15.75" customHeight="1" x14ac:dyDescent="0.15">
      <c r="AB216" s="2"/>
    </row>
    <row r="217" spans="28:28" s="1" customFormat="1" ht="15.75" customHeight="1" x14ac:dyDescent="0.15">
      <c r="AB217" s="2"/>
    </row>
    <row r="218" spans="28:28" s="1" customFormat="1" ht="15.75" customHeight="1" x14ac:dyDescent="0.15">
      <c r="AB218" s="2"/>
    </row>
    <row r="219" spans="28:28" s="1" customFormat="1" ht="15.75" customHeight="1" x14ac:dyDescent="0.15">
      <c r="AB219" s="2"/>
    </row>
    <row r="220" spans="28:28" s="1" customFormat="1" ht="15.75" customHeight="1" x14ac:dyDescent="0.15">
      <c r="AB220" s="2"/>
    </row>
    <row r="221" spans="28:28" s="1" customFormat="1" ht="15.75" customHeight="1" x14ac:dyDescent="0.15">
      <c r="AB221" s="2"/>
    </row>
    <row r="222" spans="28:28" s="1" customFormat="1" ht="15.75" customHeight="1" x14ac:dyDescent="0.15">
      <c r="AB222" s="2"/>
    </row>
    <row r="223" spans="28:28" s="1" customFormat="1" ht="15.75" customHeight="1" x14ac:dyDescent="0.15">
      <c r="AB223" s="2"/>
    </row>
    <row r="224" spans="28:28" s="1" customFormat="1" ht="15.75" customHeight="1" x14ac:dyDescent="0.15">
      <c r="AB224" s="2"/>
    </row>
    <row r="225" spans="28:28" s="1" customFormat="1" ht="15.75" customHeight="1" x14ac:dyDescent="0.15">
      <c r="AB225" s="2"/>
    </row>
    <row r="226" spans="28:28" s="1" customFormat="1" ht="15.75" customHeight="1" x14ac:dyDescent="0.15">
      <c r="AB226" s="2"/>
    </row>
    <row r="227" spans="28:28" s="1" customFormat="1" ht="15.75" customHeight="1" x14ac:dyDescent="0.15">
      <c r="AB227" s="2"/>
    </row>
    <row r="228" spans="28:28" s="1" customFormat="1" ht="15.75" customHeight="1" x14ac:dyDescent="0.15">
      <c r="AB228" s="2"/>
    </row>
    <row r="229" spans="28:28" s="1" customFormat="1" ht="15.75" customHeight="1" x14ac:dyDescent="0.15">
      <c r="AB229" s="2"/>
    </row>
    <row r="230" spans="28:28" s="1" customFormat="1" ht="15.75" customHeight="1" x14ac:dyDescent="0.15">
      <c r="AB230" s="2"/>
    </row>
    <row r="231" spans="28:28" s="1" customFormat="1" ht="15.75" customHeight="1" x14ac:dyDescent="0.15">
      <c r="AB231" s="2"/>
    </row>
    <row r="232" spans="28:28" s="1" customFormat="1" ht="15.75" customHeight="1" x14ac:dyDescent="0.15">
      <c r="AB232" s="2"/>
    </row>
    <row r="233" spans="28:28" s="1" customFormat="1" ht="15.75" customHeight="1" x14ac:dyDescent="0.15">
      <c r="AB233" s="2"/>
    </row>
    <row r="234" spans="28:28" s="1" customFormat="1" ht="15.75" customHeight="1" x14ac:dyDescent="0.15">
      <c r="AB234" s="2"/>
    </row>
    <row r="235" spans="28:28" s="1" customFormat="1" ht="15.75" customHeight="1" x14ac:dyDescent="0.15">
      <c r="AB235" s="2"/>
    </row>
    <row r="236" spans="28:28" s="1" customFormat="1" ht="15.75" customHeight="1" x14ac:dyDescent="0.15">
      <c r="AB236" s="2"/>
    </row>
    <row r="237" spans="28:28" s="1" customFormat="1" ht="15.75" customHeight="1" x14ac:dyDescent="0.15">
      <c r="AB237" s="2"/>
    </row>
    <row r="238" spans="28:28" s="1" customFormat="1" ht="15.75" customHeight="1" x14ac:dyDescent="0.15">
      <c r="AB238" s="2"/>
    </row>
    <row r="239" spans="28:28" s="1" customFormat="1" ht="15.75" customHeight="1" x14ac:dyDescent="0.15">
      <c r="AB239" s="2"/>
    </row>
    <row r="240" spans="28:28" s="1" customFormat="1" ht="15.75" customHeight="1" x14ac:dyDescent="0.15">
      <c r="AB240" s="2"/>
    </row>
    <row r="241" spans="28:28" s="1" customFormat="1" ht="15.75" customHeight="1" x14ac:dyDescent="0.15">
      <c r="AB241" s="2"/>
    </row>
    <row r="242" spans="28:28" s="1" customFormat="1" ht="15.75" customHeight="1" x14ac:dyDescent="0.15">
      <c r="AB242" s="2"/>
    </row>
    <row r="243" spans="28:28" s="1" customFormat="1" ht="15.75" customHeight="1" x14ac:dyDescent="0.15">
      <c r="AB243" s="2"/>
    </row>
    <row r="244" spans="28:28" s="1" customFormat="1" ht="15.75" customHeight="1" x14ac:dyDescent="0.15">
      <c r="AB244" s="2"/>
    </row>
    <row r="245" spans="28:28" s="1" customFormat="1" ht="15.75" customHeight="1" x14ac:dyDescent="0.15">
      <c r="AB245" s="2"/>
    </row>
    <row r="246" spans="28:28" s="1" customFormat="1" ht="15.75" customHeight="1" x14ac:dyDescent="0.15">
      <c r="AB246" s="2"/>
    </row>
    <row r="247" spans="28:28" s="1" customFormat="1" ht="15.75" customHeight="1" x14ac:dyDescent="0.15">
      <c r="AB247" s="2"/>
    </row>
    <row r="248" spans="28:28" s="1" customFormat="1" ht="15.75" customHeight="1" x14ac:dyDescent="0.15">
      <c r="AB248" s="2"/>
    </row>
    <row r="249" spans="28:28" s="1" customFormat="1" ht="15.75" customHeight="1" x14ac:dyDescent="0.15">
      <c r="AB249" s="2"/>
    </row>
    <row r="250" spans="28:28" s="1" customFormat="1" ht="15.75" customHeight="1" x14ac:dyDescent="0.15">
      <c r="AB250" s="2"/>
    </row>
    <row r="251" spans="28:28" s="1" customFormat="1" ht="15.75" customHeight="1" x14ac:dyDescent="0.15">
      <c r="AB251" s="2"/>
    </row>
    <row r="252" spans="28:28" s="1" customFormat="1" ht="15.75" customHeight="1" x14ac:dyDescent="0.15">
      <c r="AB252" s="2"/>
    </row>
    <row r="253" spans="28:28" s="1" customFormat="1" ht="15.75" customHeight="1" x14ac:dyDescent="0.15">
      <c r="AB253" s="2"/>
    </row>
    <row r="254" spans="28:28" s="1" customFormat="1" ht="15.75" customHeight="1" x14ac:dyDescent="0.15">
      <c r="AB254" s="2"/>
    </row>
    <row r="255" spans="28:28" s="1" customFormat="1" ht="15.75" customHeight="1" x14ac:dyDescent="0.15">
      <c r="AB255" s="2"/>
    </row>
    <row r="256" spans="28:28" s="1" customFormat="1" ht="15.75" customHeight="1" x14ac:dyDescent="0.15">
      <c r="AB256" s="2"/>
    </row>
    <row r="257" spans="28:28" s="1" customFormat="1" ht="15.75" customHeight="1" x14ac:dyDescent="0.15">
      <c r="AB257" s="2"/>
    </row>
    <row r="258" spans="28:28" s="1" customFormat="1" ht="15.75" customHeight="1" x14ac:dyDescent="0.15">
      <c r="AB258" s="2"/>
    </row>
    <row r="259" spans="28:28" s="1" customFormat="1" ht="15.75" customHeight="1" x14ac:dyDescent="0.15">
      <c r="AB259" s="2"/>
    </row>
    <row r="260" spans="28:28" s="1" customFormat="1" ht="15.75" customHeight="1" x14ac:dyDescent="0.15">
      <c r="AB260" s="2"/>
    </row>
    <row r="261" spans="28:28" s="1" customFormat="1" ht="15.75" customHeight="1" x14ac:dyDescent="0.15">
      <c r="AB261" s="2"/>
    </row>
    <row r="262" spans="28:28" s="1" customFormat="1" ht="15.75" customHeight="1" x14ac:dyDescent="0.15">
      <c r="AB262" s="2"/>
    </row>
    <row r="263" spans="28:28" s="1" customFormat="1" ht="15.75" customHeight="1" x14ac:dyDescent="0.15">
      <c r="AB263" s="2"/>
    </row>
    <row r="264" spans="28:28" s="1" customFormat="1" ht="15.75" customHeight="1" x14ac:dyDescent="0.15">
      <c r="AB264" s="2"/>
    </row>
    <row r="265" spans="28:28" s="1" customFormat="1" ht="15.75" customHeight="1" x14ac:dyDescent="0.15">
      <c r="AB265" s="2"/>
    </row>
    <row r="266" spans="28:28" s="1" customFormat="1" ht="15.75" customHeight="1" x14ac:dyDescent="0.15">
      <c r="AB266" s="2"/>
    </row>
    <row r="267" spans="28:28" s="1" customFormat="1" ht="15.75" customHeight="1" x14ac:dyDescent="0.15">
      <c r="AB267" s="2"/>
    </row>
    <row r="268" spans="28:28" s="1" customFormat="1" ht="15.75" customHeight="1" x14ac:dyDescent="0.15">
      <c r="AB268" s="2"/>
    </row>
    <row r="269" spans="28:28" s="1" customFormat="1" ht="15.75" customHeight="1" x14ac:dyDescent="0.15">
      <c r="AB269" s="2"/>
    </row>
    <row r="270" spans="28:28" s="1" customFormat="1" ht="15.75" customHeight="1" x14ac:dyDescent="0.15">
      <c r="AB270" s="2"/>
    </row>
    <row r="271" spans="28:28" s="1" customFormat="1" ht="15.75" customHeight="1" x14ac:dyDescent="0.15">
      <c r="AB271" s="2"/>
    </row>
    <row r="272" spans="28:28" s="1" customFormat="1" ht="15.75" customHeight="1" x14ac:dyDescent="0.15">
      <c r="AB272" s="2"/>
    </row>
    <row r="273" spans="28:28" s="1" customFormat="1" ht="15.75" customHeight="1" x14ac:dyDescent="0.15">
      <c r="AB273" s="2"/>
    </row>
    <row r="274" spans="28:28" s="1" customFormat="1" ht="15.75" customHeight="1" x14ac:dyDescent="0.15">
      <c r="AB274" s="2"/>
    </row>
    <row r="275" spans="28:28" s="1" customFormat="1" ht="15.75" customHeight="1" x14ac:dyDescent="0.15">
      <c r="AB275" s="2"/>
    </row>
    <row r="276" spans="28:28" s="1" customFormat="1" ht="15.75" customHeight="1" x14ac:dyDescent="0.15">
      <c r="AB276" s="2"/>
    </row>
    <row r="277" spans="28:28" s="1" customFormat="1" ht="15.75" customHeight="1" x14ac:dyDescent="0.15">
      <c r="AB277" s="2"/>
    </row>
    <row r="278" spans="28:28" s="1" customFormat="1" ht="15.75" customHeight="1" x14ac:dyDescent="0.15">
      <c r="AB278" s="2"/>
    </row>
    <row r="279" spans="28:28" s="1" customFormat="1" ht="15.75" customHeight="1" x14ac:dyDescent="0.15">
      <c r="AB279" s="2"/>
    </row>
  </sheetData>
  <mergeCells count="132">
    <mergeCell ref="I4:J4"/>
    <mergeCell ref="K4:L4"/>
    <mergeCell ref="AE4:AF4"/>
    <mergeCell ref="M4:N4"/>
    <mergeCell ref="O4:P4"/>
    <mergeCell ref="Q4:R4"/>
    <mergeCell ref="U4:V4"/>
    <mergeCell ref="W4:X4"/>
    <mergeCell ref="A3:B5"/>
    <mergeCell ref="C3:J3"/>
    <mergeCell ref="K3:R3"/>
    <mergeCell ref="S3:T5"/>
    <mergeCell ref="U3:AB3"/>
    <mergeCell ref="AC3:AJ3"/>
    <mergeCell ref="A45:B45"/>
    <mergeCell ref="S45:T45"/>
    <mergeCell ref="A46:B46"/>
    <mergeCell ref="S46:T46"/>
    <mergeCell ref="Y4:Z4"/>
    <mergeCell ref="C4:D4"/>
    <mergeCell ref="E4:F4"/>
    <mergeCell ref="G4:H4"/>
    <mergeCell ref="M54:N54"/>
    <mergeCell ref="O54:P54"/>
    <mergeCell ref="Q54:R54"/>
    <mergeCell ref="AG4:AH4"/>
    <mergeCell ref="AI4:AJ4"/>
    <mergeCell ref="AA4:AB4"/>
    <mergeCell ref="AC4:AD4"/>
    <mergeCell ref="A50:R50"/>
    <mergeCell ref="S50:AJ50"/>
    <mergeCell ref="A53:B55"/>
    <mergeCell ref="C53:J53"/>
    <mergeCell ref="K53:R53"/>
    <mergeCell ref="S53:T55"/>
    <mergeCell ref="U53:AB53"/>
    <mergeCell ref="AC53:AJ53"/>
    <mergeCell ref="C54:D54"/>
    <mergeCell ref="E54:F54"/>
    <mergeCell ref="A47:B47"/>
    <mergeCell ref="S47:T47"/>
    <mergeCell ref="A48:B48"/>
    <mergeCell ref="S48:T48"/>
    <mergeCell ref="A49:B49"/>
    <mergeCell ref="S49:T49"/>
    <mergeCell ref="Y54:Z54"/>
    <mergeCell ref="AA54:AB54"/>
    <mergeCell ref="AC54:AD54"/>
    <mergeCell ref="AE54:AF54"/>
    <mergeCell ref="AG54:AH54"/>
    <mergeCell ref="S97:T97"/>
    <mergeCell ref="A98:B98"/>
    <mergeCell ref="S98:T98"/>
    <mergeCell ref="U54:V54"/>
    <mergeCell ref="W54:X54"/>
    <mergeCell ref="G54:H54"/>
    <mergeCell ref="I54:J54"/>
    <mergeCell ref="K54:L54"/>
    <mergeCell ref="O104:P104"/>
    <mergeCell ref="Q104:R104"/>
    <mergeCell ref="AE104:AF104"/>
    <mergeCell ref="AI54:AJ54"/>
    <mergeCell ref="A95:B95"/>
    <mergeCell ref="S95:T95"/>
    <mergeCell ref="A96:B96"/>
    <mergeCell ref="S96:T96"/>
    <mergeCell ref="A97:B97"/>
    <mergeCell ref="U103:AB103"/>
    <mergeCell ref="AC103:AJ103"/>
    <mergeCell ref="C104:D104"/>
    <mergeCell ref="E104:F104"/>
    <mergeCell ref="G104:H104"/>
    <mergeCell ref="AA104:AB104"/>
    <mergeCell ref="AC104:AD104"/>
    <mergeCell ref="I104:J104"/>
    <mergeCell ref="K104:L104"/>
    <mergeCell ref="A146:B146"/>
    <mergeCell ref="S146:T146"/>
    <mergeCell ref="A99:B99"/>
    <mergeCell ref="S99:T99"/>
    <mergeCell ref="A100:R100"/>
    <mergeCell ref="S100:AJ100"/>
    <mergeCell ref="A103:B105"/>
    <mergeCell ref="C103:J103"/>
    <mergeCell ref="K103:R103"/>
    <mergeCell ref="S103:T105"/>
    <mergeCell ref="AG104:AH104"/>
    <mergeCell ref="AI104:AJ104"/>
    <mergeCell ref="A145:B145"/>
    <mergeCell ref="S145:T145"/>
    <mergeCell ref="U104:V104"/>
    <mergeCell ref="W104:X104"/>
    <mergeCell ref="Y104:Z104"/>
    <mergeCell ref="M104:N104"/>
    <mergeCell ref="A149:B149"/>
    <mergeCell ref="S149:T149"/>
    <mergeCell ref="A152:B154"/>
    <mergeCell ref="C152:J152"/>
    <mergeCell ref="K152:R152"/>
    <mergeCell ref="S152:T154"/>
    <mergeCell ref="O153:P153"/>
    <mergeCell ref="Q153:R153"/>
    <mergeCell ref="AE153:AF153"/>
    <mergeCell ref="AG153:AH153"/>
    <mergeCell ref="AI153:AJ153"/>
    <mergeCell ref="A147:B147"/>
    <mergeCell ref="S147:T147"/>
    <mergeCell ref="A148:B148"/>
    <mergeCell ref="S148:T148"/>
    <mergeCell ref="M153:N153"/>
    <mergeCell ref="AA153:AB153"/>
    <mergeCell ref="AC153:AD153"/>
    <mergeCell ref="U152:AB152"/>
    <mergeCell ref="AC152:AJ152"/>
    <mergeCell ref="C153:D153"/>
    <mergeCell ref="E153:F153"/>
    <mergeCell ref="G153:H153"/>
    <mergeCell ref="I153:J153"/>
    <mergeCell ref="K153:L153"/>
    <mergeCell ref="A198:B198"/>
    <mergeCell ref="S198:T198"/>
    <mergeCell ref="A195:B195"/>
    <mergeCell ref="S195:T195"/>
    <mergeCell ref="A196:B196"/>
    <mergeCell ref="S196:T196"/>
    <mergeCell ref="A197:B197"/>
    <mergeCell ref="S197:T197"/>
    <mergeCell ref="A194:B194"/>
    <mergeCell ref="S194:T194"/>
    <mergeCell ref="U153:V153"/>
    <mergeCell ref="W153:X153"/>
    <mergeCell ref="Y153:Z153"/>
  </mergeCells>
  <phoneticPr fontId="3"/>
  <printOptions horizontalCentered="1" gridLinesSet="0"/>
  <pageMargins left="0.39370078740157483" right="0.39370078740157483" top="0.59055118110236227" bottom="0.51181102362204722" header="0.47244094488188981" footer="0.59055118110236227"/>
  <pageSetup paperSize="9" scale="79" pageOrder="overThenDown" orientation="landscape" blackAndWhite="1" r:id="rId1"/>
  <headerFooter alignWithMargins="0"/>
  <rowBreaks count="4" manualBreakCount="4">
    <brk id="50" max="16383" man="1"/>
    <brk id="100" max="16383" man="1"/>
    <brk id="149" max="16383" man="1"/>
    <brk id="260" max="65535" man="1"/>
  </rowBreaks>
  <colBreaks count="1" manualBreakCount="1">
    <brk id="18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R52"/>
  <sheetViews>
    <sheetView zoomScaleNormal="100" zoomScaleSheetLayoutView="100" workbookViewId="0"/>
  </sheetViews>
  <sheetFormatPr defaultColWidth="9" defaultRowHeight="10.8" x14ac:dyDescent="0.15"/>
  <cols>
    <col min="1" max="1" width="3.6640625" style="188" customWidth="1"/>
    <col min="2" max="2" width="9.88671875" style="188" customWidth="1"/>
    <col min="3" max="3" width="8.109375" style="188" customWidth="1"/>
    <col min="4" max="4" width="3.109375" style="188" customWidth="1"/>
    <col min="5" max="5" width="6.109375" style="188" customWidth="1"/>
    <col min="6" max="6" width="8.109375" style="188" customWidth="1"/>
    <col min="7" max="7" width="3.109375" style="188" customWidth="1"/>
    <col min="8" max="8" width="6.109375" style="188" customWidth="1"/>
    <col min="9" max="9" width="8.109375" style="188" customWidth="1"/>
    <col min="10" max="10" width="3.109375" style="188" customWidth="1"/>
    <col min="11" max="11" width="6.109375" style="188" customWidth="1"/>
    <col min="12" max="12" width="8.109375" style="188" customWidth="1"/>
    <col min="13" max="13" width="3.109375" style="188" customWidth="1"/>
    <col min="14" max="14" width="6.109375" style="188" customWidth="1"/>
    <col min="15" max="15" width="7.33203125" style="188" customWidth="1"/>
    <col min="16" max="16" width="3.44140625" style="188" customWidth="1"/>
    <col min="17" max="17" width="6.109375" style="188" customWidth="1"/>
    <col min="18" max="16384" width="9" style="188"/>
  </cols>
  <sheetData>
    <row r="1" spans="1:18" ht="16.5" customHeight="1" x14ac:dyDescent="0.2">
      <c r="A1" s="413" t="s">
        <v>208</v>
      </c>
    </row>
    <row r="2" spans="1:18" ht="11.1" customHeight="1" thickBot="1" x14ac:dyDescent="0.2"/>
    <row r="3" spans="1:18" ht="15" customHeight="1" x14ac:dyDescent="0.2">
      <c r="A3" s="187" t="s">
        <v>60</v>
      </c>
      <c r="B3" s="186"/>
      <c r="C3" s="183" t="s">
        <v>132</v>
      </c>
      <c r="D3" s="183"/>
      <c r="E3" s="183"/>
      <c r="F3" s="183" t="s">
        <v>131</v>
      </c>
      <c r="G3" s="185"/>
      <c r="H3" s="185"/>
      <c r="I3" s="183" t="s">
        <v>130</v>
      </c>
      <c r="J3" s="183"/>
      <c r="K3" s="183"/>
      <c r="L3" s="183" t="s">
        <v>129</v>
      </c>
      <c r="M3" s="183"/>
      <c r="N3" s="183"/>
      <c r="O3" s="184" t="s">
        <v>128</v>
      </c>
      <c r="P3" s="183"/>
      <c r="Q3" s="182"/>
    </row>
    <row r="4" spans="1:18" ht="12.75" customHeight="1" x14ac:dyDescent="0.15">
      <c r="A4" s="175"/>
      <c r="B4" s="174"/>
      <c r="C4" s="179" t="s">
        <v>123</v>
      </c>
      <c r="D4" s="177" t="s">
        <v>122</v>
      </c>
      <c r="E4" s="179" t="s">
        <v>127</v>
      </c>
      <c r="F4" s="180" t="s">
        <v>123</v>
      </c>
      <c r="G4" s="177" t="s">
        <v>122</v>
      </c>
      <c r="H4" s="179" t="s">
        <v>126</v>
      </c>
      <c r="I4" s="181" t="s">
        <v>123</v>
      </c>
      <c r="J4" s="177" t="s">
        <v>122</v>
      </c>
      <c r="K4" s="181" t="s">
        <v>125</v>
      </c>
      <c r="L4" s="180" t="s">
        <v>123</v>
      </c>
      <c r="M4" s="177" t="s">
        <v>122</v>
      </c>
      <c r="N4" s="179" t="s">
        <v>124</v>
      </c>
      <c r="O4" s="178" t="s">
        <v>123</v>
      </c>
      <c r="P4" s="177" t="s">
        <v>122</v>
      </c>
      <c r="Q4" s="176" t="s">
        <v>121</v>
      </c>
    </row>
    <row r="5" spans="1:18" s="403" customFormat="1" ht="12.75" customHeight="1" x14ac:dyDescent="0.15">
      <c r="A5" s="175"/>
      <c r="B5" s="174"/>
      <c r="C5" s="172" t="s">
        <v>119</v>
      </c>
      <c r="D5" s="170" t="s">
        <v>118</v>
      </c>
      <c r="E5" s="171" t="s">
        <v>117</v>
      </c>
      <c r="F5" s="171" t="s">
        <v>119</v>
      </c>
      <c r="G5" s="170" t="s">
        <v>118</v>
      </c>
      <c r="H5" s="172" t="s">
        <v>117</v>
      </c>
      <c r="I5" s="173" t="s">
        <v>119</v>
      </c>
      <c r="J5" s="170" t="s">
        <v>118</v>
      </c>
      <c r="K5" s="173" t="s">
        <v>120</v>
      </c>
      <c r="L5" s="171" t="s">
        <v>119</v>
      </c>
      <c r="M5" s="170" t="s">
        <v>118</v>
      </c>
      <c r="N5" s="172" t="s">
        <v>117</v>
      </c>
      <c r="O5" s="171" t="s">
        <v>119</v>
      </c>
      <c r="P5" s="170" t="s">
        <v>118</v>
      </c>
      <c r="Q5" s="169" t="s">
        <v>117</v>
      </c>
    </row>
    <row r="6" spans="1:18" ht="19.5" customHeight="1" x14ac:dyDescent="0.15">
      <c r="A6" s="168">
        <v>1</v>
      </c>
      <c r="B6" s="152" t="s">
        <v>50</v>
      </c>
      <c r="C6" s="150">
        <v>340753</v>
      </c>
      <c r="D6" s="150">
        <v>19</v>
      </c>
      <c r="E6" s="151">
        <v>0.91</v>
      </c>
      <c r="F6" s="150">
        <v>351422</v>
      </c>
      <c r="G6" s="150">
        <v>18</v>
      </c>
      <c r="H6" s="151">
        <v>3.13</v>
      </c>
      <c r="I6" s="148">
        <v>358104</v>
      </c>
      <c r="J6" s="148">
        <v>18</v>
      </c>
      <c r="K6" s="151">
        <v>1.9</v>
      </c>
      <c r="L6" s="150">
        <v>367348</v>
      </c>
      <c r="M6" s="150">
        <v>16</v>
      </c>
      <c r="N6" s="149">
        <v>2.58</v>
      </c>
      <c r="O6" s="141">
        <v>356032</v>
      </c>
      <c r="P6" s="148">
        <v>16</v>
      </c>
      <c r="Q6" s="147">
        <v>-3.08</v>
      </c>
      <c r="R6" s="408"/>
    </row>
    <row r="7" spans="1:18" ht="19.5" customHeight="1" x14ac:dyDescent="0.15">
      <c r="A7" s="153">
        <v>2</v>
      </c>
      <c r="B7" s="152" t="s">
        <v>49</v>
      </c>
      <c r="C7" s="150">
        <v>329029</v>
      </c>
      <c r="D7" s="150">
        <v>24</v>
      </c>
      <c r="E7" s="151">
        <v>1.02</v>
      </c>
      <c r="F7" s="150">
        <v>338188</v>
      </c>
      <c r="G7" s="150">
        <v>23</v>
      </c>
      <c r="H7" s="151">
        <v>2.78</v>
      </c>
      <c r="I7" s="148">
        <v>342464</v>
      </c>
      <c r="J7" s="148">
        <v>25</v>
      </c>
      <c r="K7" s="151">
        <v>1.26</v>
      </c>
      <c r="L7" s="150">
        <v>350394</v>
      </c>
      <c r="M7" s="150">
        <v>28</v>
      </c>
      <c r="N7" s="149">
        <v>2.3199999999999998</v>
      </c>
      <c r="O7" s="141">
        <v>341072</v>
      </c>
      <c r="P7" s="148">
        <v>23</v>
      </c>
      <c r="Q7" s="147">
        <v>-2.66</v>
      </c>
      <c r="R7" s="408"/>
    </row>
    <row r="8" spans="1:18" ht="19.5" customHeight="1" x14ac:dyDescent="0.15">
      <c r="A8" s="153">
        <v>3</v>
      </c>
      <c r="B8" s="152" t="s">
        <v>48</v>
      </c>
      <c r="C8" s="150">
        <v>365193</v>
      </c>
      <c r="D8" s="150">
        <v>5</v>
      </c>
      <c r="E8" s="151">
        <v>0.65</v>
      </c>
      <c r="F8" s="150">
        <v>378765</v>
      </c>
      <c r="G8" s="150">
        <v>6</v>
      </c>
      <c r="H8" s="151">
        <v>3.72</v>
      </c>
      <c r="I8" s="148">
        <v>387724</v>
      </c>
      <c r="J8" s="148">
        <v>5</v>
      </c>
      <c r="K8" s="151">
        <v>2.37</v>
      </c>
      <c r="L8" s="150">
        <v>390743</v>
      </c>
      <c r="M8" s="150">
        <v>8</v>
      </c>
      <c r="N8" s="149">
        <v>0.78</v>
      </c>
      <c r="O8" s="141">
        <v>375915</v>
      </c>
      <c r="P8" s="148">
        <v>8</v>
      </c>
      <c r="Q8" s="147">
        <v>-3.79</v>
      </c>
      <c r="R8" s="408"/>
    </row>
    <row r="9" spans="1:18" ht="19.5" customHeight="1" x14ac:dyDescent="0.15">
      <c r="A9" s="153">
        <v>4</v>
      </c>
      <c r="B9" s="152" t="s">
        <v>47</v>
      </c>
      <c r="C9" s="150">
        <v>339013</v>
      </c>
      <c r="D9" s="150">
        <v>20</v>
      </c>
      <c r="E9" s="151">
        <v>2.42</v>
      </c>
      <c r="F9" s="150">
        <v>352470</v>
      </c>
      <c r="G9" s="150">
        <v>17</v>
      </c>
      <c r="H9" s="151">
        <v>3.97</v>
      </c>
      <c r="I9" s="148">
        <v>359644</v>
      </c>
      <c r="J9" s="148">
        <v>15</v>
      </c>
      <c r="K9" s="151">
        <v>2.04</v>
      </c>
      <c r="L9" s="150">
        <v>364469</v>
      </c>
      <c r="M9" s="150">
        <v>18</v>
      </c>
      <c r="N9" s="149">
        <v>1.34</v>
      </c>
      <c r="O9" s="141">
        <v>352741</v>
      </c>
      <c r="P9" s="148">
        <v>19</v>
      </c>
      <c r="Q9" s="147">
        <v>-3.22</v>
      </c>
      <c r="R9" s="408"/>
    </row>
    <row r="10" spans="1:18" ht="19.5" customHeight="1" x14ac:dyDescent="0.15">
      <c r="A10" s="153">
        <v>5</v>
      </c>
      <c r="B10" s="152" t="s">
        <v>46</v>
      </c>
      <c r="C10" s="150">
        <v>335633</v>
      </c>
      <c r="D10" s="150">
        <v>21</v>
      </c>
      <c r="E10" s="151">
        <v>-1.6</v>
      </c>
      <c r="F10" s="150">
        <v>342608</v>
      </c>
      <c r="G10" s="150">
        <v>22</v>
      </c>
      <c r="H10" s="151">
        <v>2.08</v>
      </c>
      <c r="I10" s="148">
        <v>345497</v>
      </c>
      <c r="J10" s="148">
        <v>23</v>
      </c>
      <c r="K10" s="151">
        <v>0.84</v>
      </c>
      <c r="L10" s="150">
        <v>354987</v>
      </c>
      <c r="M10" s="150">
        <v>23</v>
      </c>
      <c r="N10" s="149">
        <v>2.75</v>
      </c>
      <c r="O10" s="141">
        <v>338028</v>
      </c>
      <c r="P10" s="148">
        <v>28</v>
      </c>
      <c r="Q10" s="147">
        <v>-4.78</v>
      </c>
      <c r="R10" s="408"/>
    </row>
    <row r="11" spans="1:18" ht="19.5" customHeight="1" x14ac:dyDescent="0.15">
      <c r="A11" s="153">
        <v>6</v>
      </c>
      <c r="B11" s="152" t="s">
        <v>45</v>
      </c>
      <c r="C11" s="150">
        <v>323077</v>
      </c>
      <c r="D11" s="150">
        <v>27</v>
      </c>
      <c r="E11" s="151">
        <v>-0.28999999999999998</v>
      </c>
      <c r="F11" s="150">
        <v>329951</v>
      </c>
      <c r="G11" s="150">
        <v>30</v>
      </c>
      <c r="H11" s="151">
        <v>2.13</v>
      </c>
      <c r="I11" s="148">
        <v>340456</v>
      </c>
      <c r="J11" s="148">
        <v>28</v>
      </c>
      <c r="K11" s="151">
        <v>3.18</v>
      </c>
      <c r="L11" s="150">
        <v>351731</v>
      </c>
      <c r="M11" s="150">
        <v>26</v>
      </c>
      <c r="N11" s="149">
        <v>3.31</v>
      </c>
      <c r="O11" s="141">
        <v>334982</v>
      </c>
      <c r="P11" s="148">
        <v>29</v>
      </c>
      <c r="Q11" s="147">
        <v>-4.76</v>
      </c>
      <c r="R11" s="408"/>
    </row>
    <row r="12" spans="1:18" ht="19.5" customHeight="1" x14ac:dyDescent="0.15">
      <c r="A12" s="153">
        <v>7</v>
      </c>
      <c r="B12" s="152" t="s">
        <v>44</v>
      </c>
      <c r="C12" s="150">
        <v>356478</v>
      </c>
      <c r="D12" s="150">
        <v>9</v>
      </c>
      <c r="E12" s="151">
        <v>-0.16</v>
      </c>
      <c r="F12" s="150">
        <v>372845</v>
      </c>
      <c r="G12" s="150">
        <v>9</v>
      </c>
      <c r="H12" s="151">
        <v>4.59</v>
      </c>
      <c r="I12" s="148">
        <v>385460</v>
      </c>
      <c r="J12" s="148">
        <v>6</v>
      </c>
      <c r="K12" s="151">
        <v>3.38</v>
      </c>
      <c r="L12" s="150">
        <v>400678</v>
      </c>
      <c r="M12" s="150">
        <v>5</v>
      </c>
      <c r="N12" s="149">
        <v>3.95</v>
      </c>
      <c r="O12" s="141">
        <v>385058</v>
      </c>
      <c r="P12" s="148">
        <v>4</v>
      </c>
      <c r="Q12" s="147">
        <v>-3.9</v>
      </c>
      <c r="R12" s="408"/>
    </row>
    <row r="13" spans="1:18" ht="19.5" customHeight="1" x14ac:dyDescent="0.15">
      <c r="A13" s="153">
        <v>8</v>
      </c>
      <c r="B13" s="152" t="s">
        <v>43</v>
      </c>
      <c r="C13" s="150">
        <v>323448</v>
      </c>
      <c r="D13" s="150">
        <v>26</v>
      </c>
      <c r="E13" s="151">
        <v>0.85</v>
      </c>
      <c r="F13" s="150">
        <v>332891</v>
      </c>
      <c r="G13" s="150">
        <v>26</v>
      </c>
      <c r="H13" s="151">
        <v>2.92</v>
      </c>
      <c r="I13" s="148">
        <v>336481</v>
      </c>
      <c r="J13" s="148">
        <v>29</v>
      </c>
      <c r="K13" s="151">
        <v>1.08</v>
      </c>
      <c r="L13" s="150">
        <v>350849</v>
      </c>
      <c r="M13" s="150">
        <v>27</v>
      </c>
      <c r="N13" s="149">
        <v>4.2699999999999996</v>
      </c>
      <c r="O13" s="141">
        <v>338207</v>
      </c>
      <c r="P13" s="148">
        <v>27</v>
      </c>
      <c r="Q13" s="147">
        <v>-3.6</v>
      </c>
      <c r="R13" s="408"/>
    </row>
    <row r="14" spans="1:18" ht="19.5" customHeight="1" x14ac:dyDescent="0.15">
      <c r="A14" s="153">
        <v>9</v>
      </c>
      <c r="B14" s="152" t="s">
        <v>42</v>
      </c>
      <c r="C14" s="150">
        <v>354632</v>
      </c>
      <c r="D14" s="150">
        <v>10</v>
      </c>
      <c r="E14" s="151">
        <v>0.43</v>
      </c>
      <c r="F14" s="150">
        <v>368530</v>
      </c>
      <c r="G14" s="150">
        <v>10</v>
      </c>
      <c r="H14" s="151">
        <v>3.92</v>
      </c>
      <c r="I14" s="148">
        <v>363029</v>
      </c>
      <c r="J14" s="148">
        <v>11</v>
      </c>
      <c r="K14" s="151">
        <v>-1.49</v>
      </c>
      <c r="L14" s="150">
        <v>377429</v>
      </c>
      <c r="M14" s="150">
        <v>12</v>
      </c>
      <c r="N14" s="149">
        <v>3.97</v>
      </c>
      <c r="O14" s="141">
        <v>361233</v>
      </c>
      <c r="P14" s="148">
        <v>14</v>
      </c>
      <c r="Q14" s="147">
        <v>-4.29</v>
      </c>
      <c r="R14" s="408"/>
    </row>
    <row r="15" spans="1:18" ht="19.5" customHeight="1" x14ac:dyDescent="0.15">
      <c r="A15" s="153">
        <v>10</v>
      </c>
      <c r="B15" s="152" t="s">
        <v>41</v>
      </c>
      <c r="C15" s="150">
        <v>325125</v>
      </c>
      <c r="D15" s="150">
        <v>25</v>
      </c>
      <c r="E15" s="151">
        <v>1.4</v>
      </c>
      <c r="F15" s="150">
        <v>332839</v>
      </c>
      <c r="G15" s="150">
        <v>27</v>
      </c>
      <c r="H15" s="151">
        <v>2.37</v>
      </c>
      <c r="I15" s="148">
        <v>342348</v>
      </c>
      <c r="J15" s="148">
        <v>26</v>
      </c>
      <c r="K15" s="151">
        <v>2.86</v>
      </c>
      <c r="L15" s="150">
        <v>352947</v>
      </c>
      <c r="M15" s="150">
        <v>24</v>
      </c>
      <c r="N15" s="149">
        <v>3.1</v>
      </c>
      <c r="O15" s="141">
        <v>341831</v>
      </c>
      <c r="P15" s="148">
        <v>22</v>
      </c>
      <c r="Q15" s="147">
        <v>-3.15</v>
      </c>
      <c r="R15" s="408"/>
    </row>
    <row r="16" spans="1:18" ht="19.5" customHeight="1" x14ac:dyDescent="0.15">
      <c r="A16" s="153">
        <v>11</v>
      </c>
      <c r="B16" s="152" t="s">
        <v>40</v>
      </c>
      <c r="C16" s="150">
        <v>341852</v>
      </c>
      <c r="D16" s="150">
        <v>18</v>
      </c>
      <c r="E16" s="151">
        <v>-2.44</v>
      </c>
      <c r="F16" s="150">
        <v>356033</v>
      </c>
      <c r="G16" s="150">
        <v>15</v>
      </c>
      <c r="H16" s="151">
        <v>4.1500000000000004</v>
      </c>
      <c r="I16" s="148">
        <v>361811</v>
      </c>
      <c r="J16" s="148">
        <v>13</v>
      </c>
      <c r="K16" s="151">
        <v>1.62</v>
      </c>
      <c r="L16" s="150">
        <v>371852</v>
      </c>
      <c r="M16" s="150">
        <v>14</v>
      </c>
      <c r="N16" s="149">
        <v>2.78</v>
      </c>
      <c r="O16" s="141">
        <v>366473</v>
      </c>
      <c r="P16" s="148">
        <v>13</v>
      </c>
      <c r="Q16" s="147">
        <v>-1.45</v>
      </c>
      <c r="R16" s="408"/>
    </row>
    <row r="17" spans="1:18" ht="19.5" customHeight="1" x14ac:dyDescent="0.15">
      <c r="A17" s="153">
        <v>12</v>
      </c>
      <c r="B17" s="152" t="s">
        <v>39</v>
      </c>
      <c r="C17" s="150">
        <v>333863</v>
      </c>
      <c r="D17" s="150">
        <v>22</v>
      </c>
      <c r="E17" s="151">
        <v>2.25</v>
      </c>
      <c r="F17" s="150">
        <v>343852</v>
      </c>
      <c r="G17" s="150">
        <v>21</v>
      </c>
      <c r="H17" s="151">
        <v>2.99</v>
      </c>
      <c r="I17" s="148">
        <v>350590</v>
      </c>
      <c r="J17" s="148">
        <v>21</v>
      </c>
      <c r="K17" s="151">
        <v>1.96</v>
      </c>
      <c r="L17" s="150">
        <v>362354</v>
      </c>
      <c r="M17" s="150">
        <v>20</v>
      </c>
      <c r="N17" s="149">
        <v>3.36</v>
      </c>
      <c r="O17" s="141">
        <v>348834</v>
      </c>
      <c r="P17" s="148">
        <v>20</v>
      </c>
      <c r="Q17" s="147">
        <v>-3.73</v>
      </c>
      <c r="R17" s="408"/>
    </row>
    <row r="18" spans="1:18" ht="19.5" customHeight="1" x14ac:dyDescent="0.15">
      <c r="A18" s="153">
        <v>13</v>
      </c>
      <c r="B18" s="152" t="s">
        <v>38</v>
      </c>
      <c r="C18" s="150">
        <v>330521</v>
      </c>
      <c r="D18" s="150">
        <v>23</v>
      </c>
      <c r="E18" s="151">
        <v>2.56</v>
      </c>
      <c r="F18" s="150">
        <v>331913</v>
      </c>
      <c r="G18" s="150">
        <v>28</v>
      </c>
      <c r="H18" s="151">
        <v>0.42</v>
      </c>
      <c r="I18" s="148">
        <v>341585</v>
      </c>
      <c r="J18" s="148">
        <v>27</v>
      </c>
      <c r="K18" s="151">
        <v>2.91</v>
      </c>
      <c r="L18" s="150">
        <v>351968</v>
      </c>
      <c r="M18" s="150">
        <v>25</v>
      </c>
      <c r="N18" s="149">
        <v>3.04</v>
      </c>
      <c r="O18" s="141">
        <v>338550</v>
      </c>
      <c r="P18" s="148">
        <v>25</v>
      </c>
      <c r="Q18" s="147">
        <v>-3.81</v>
      </c>
      <c r="R18" s="408"/>
    </row>
    <row r="19" spans="1:18" ht="19.5" customHeight="1" x14ac:dyDescent="0.15">
      <c r="A19" s="153">
        <v>14</v>
      </c>
      <c r="B19" s="152" t="s">
        <v>37</v>
      </c>
      <c r="C19" s="150">
        <v>321158</v>
      </c>
      <c r="D19" s="150">
        <v>29</v>
      </c>
      <c r="E19" s="151">
        <v>2.04</v>
      </c>
      <c r="F19" s="150">
        <v>325024</v>
      </c>
      <c r="G19" s="150">
        <v>31</v>
      </c>
      <c r="H19" s="151">
        <v>1.2</v>
      </c>
      <c r="I19" s="148">
        <v>332330</v>
      </c>
      <c r="J19" s="148">
        <v>31</v>
      </c>
      <c r="K19" s="151">
        <v>2.25</v>
      </c>
      <c r="L19" s="150">
        <v>342671</v>
      </c>
      <c r="M19" s="150">
        <v>31</v>
      </c>
      <c r="N19" s="149">
        <v>3.11</v>
      </c>
      <c r="O19" s="141">
        <v>333279</v>
      </c>
      <c r="P19" s="148">
        <v>30</v>
      </c>
      <c r="Q19" s="147">
        <v>-2.74</v>
      </c>
      <c r="R19" s="408"/>
    </row>
    <row r="20" spans="1:18" ht="19.5" customHeight="1" x14ac:dyDescent="0.15">
      <c r="A20" s="153">
        <v>15</v>
      </c>
      <c r="B20" s="152" t="s">
        <v>36</v>
      </c>
      <c r="C20" s="150">
        <v>346003</v>
      </c>
      <c r="D20" s="150">
        <v>15</v>
      </c>
      <c r="E20" s="151">
        <v>1.37</v>
      </c>
      <c r="F20" s="150">
        <v>353129</v>
      </c>
      <c r="G20" s="150">
        <v>16</v>
      </c>
      <c r="H20" s="151">
        <v>2.06</v>
      </c>
      <c r="I20" s="148">
        <v>366628</v>
      </c>
      <c r="J20" s="148">
        <v>10</v>
      </c>
      <c r="K20" s="151">
        <v>3.82</v>
      </c>
      <c r="L20" s="150">
        <v>372476</v>
      </c>
      <c r="M20" s="150">
        <v>13</v>
      </c>
      <c r="N20" s="149">
        <v>1.6</v>
      </c>
      <c r="O20" s="141">
        <v>371845</v>
      </c>
      <c r="P20" s="148">
        <v>11</v>
      </c>
      <c r="Q20" s="147">
        <v>-0.17</v>
      </c>
      <c r="R20" s="408"/>
    </row>
    <row r="21" spans="1:18" ht="19.5" customHeight="1" x14ac:dyDescent="0.15">
      <c r="A21" s="153">
        <v>16</v>
      </c>
      <c r="B21" s="152" t="s">
        <v>35</v>
      </c>
      <c r="C21" s="150">
        <v>316024</v>
      </c>
      <c r="D21" s="150">
        <v>31</v>
      </c>
      <c r="E21" s="151">
        <v>2.41</v>
      </c>
      <c r="F21" s="150">
        <v>335264</v>
      </c>
      <c r="G21" s="150">
        <v>25</v>
      </c>
      <c r="H21" s="151">
        <v>6.09</v>
      </c>
      <c r="I21" s="148">
        <v>334386</v>
      </c>
      <c r="J21" s="148">
        <v>30</v>
      </c>
      <c r="K21" s="151">
        <v>-0.26</v>
      </c>
      <c r="L21" s="150">
        <v>349480</v>
      </c>
      <c r="M21" s="150">
        <v>29</v>
      </c>
      <c r="N21" s="149">
        <v>4.51</v>
      </c>
      <c r="O21" s="141">
        <v>338471</v>
      </c>
      <c r="P21" s="148">
        <v>26</v>
      </c>
      <c r="Q21" s="147">
        <v>-3.15</v>
      </c>
      <c r="R21" s="408"/>
    </row>
    <row r="22" spans="1:18" ht="19.5" customHeight="1" x14ac:dyDescent="0.15">
      <c r="A22" s="153">
        <v>17</v>
      </c>
      <c r="B22" s="152" t="s">
        <v>34</v>
      </c>
      <c r="C22" s="150">
        <v>321283</v>
      </c>
      <c r="D22" s="150">
        <v>28</v>
      </c>
      <c r="E22" s="151">
        <v>0.36</v>
      </c>
      <c r="F22" s="150">
        <v>331092</v>
      </c>
      <c r="G22" s="150">
        <v>29</v>
      </c>
      <c r="H22" s="151">
        <v>3.05</v>
      </c>
      <c r="I22" s="148">
        <v>342544</v>
      </c>
      <c r="J22" s="148">
        <v>24</v>
      </c>
      <c r="K22" s="151">
        <v>3.46</v>
      </c>
      <c r="L22" s="150">
        <v>348412</v>
      </c>
      <c r="M22" s="150">
        <v>30</v>
      </c>
      <c r="N22" s="149">
        <v>1.71</v>
      </c>
      <c r="O22" s="141">
        <v>333197</v>
      </c>
      <c r="P22" s="148">
        <v>31</v>
      </c>
      <c r="Q22" s="147">
        <v>-4.37</v>
      </c>
      <c r="R22" s="408"/>
    </row>
    <row r="23" spans="1:18" ht="19.5" customHeight="1" x14ac:dyDescent="0.15">
      <c r="A23" s="153">
        <v>18</v>
      </c>
      <c r="B23" s="152" t="s">
        <v>33</v>
      </c>
      <c r="C23" s="150">
        <v>358920</v>
      </c>
      <c r="D23" s="150">
        <v>8</v>
      </c>
      <c r="E23" s="151">
        <v>1.84</v>
      </c>
      <c r="F23" s="150">
        <v>383584</v>
      </c>
      <c r="G23" s="150">
        <v>5</v>
      </c>
      <c r="H23" s="151">
        <v>6.87</v>
      </c>
      <c r="I23" s="148">
        <v>368417</v>
      </c>
      <c r="J23" s="148">
        <v>9</v>
      </c>
      <c r="K23" s="151">
        <v>-3.95</v>
      </c>
      <c r="L23" s="150">
        <v>395977</v>
      </c>
      <c r="M23" s="150">
        <v>7</v>
      </c>
      <c r="N23" s="149">
        <v>7.48</v>
      </c>
      <c r="O23" s="141">
        <v>368549</v>
      </c>
      <c r="P23" s="148">
        <v>12</v>
      </c>
      <c r="Q23" s="147">
        <v>-6.93</v>
      </c>
      <c r="R23" s="408"/>
    </row>
    <row r="24" spans="1:18" ht="19.5" customHeight="1" x14ac:dyDescent="0.15">
      <c r="A24" s="153">
        <v>19</v>
      </c>
      <c r="B24" s="152" t="s">
        <v>32</v>
      </c>
      <c r="C24" s="150">
        <v>305499</v>
      </c>
      <c r="D24" s="150">
        <v>32</v>
      </c>
      <c r="E24" s="151">
        <v>0.87</v>
      </c>
      <c r="F24" s="150">
        <v>315588</v>
      </c>
      <c r="G24" s="150">
        <v>32</v>
      </c>
      <c r="H24" s="151">
        <v>3.3</v>
      </c>
      <c r="I24" s="148">
        <v>310724</v>
      </c>
      <c r="J24" s="148">
        <v>33</v>
      </c>
      <c r="K24" s="151">
        <v>-1.54</v>
      </c>
      <c r="L24" s="150">
        <v>328958</v>
      </c>
      <c r="M24" s="150">
        <v>33</v>
      </c>
      <c r="N24" s="149">
        <v>5.87</v>
      </c>
      <c r="O24" s="141">
        <v>315788</v>
      </c>
      <c r="P24" s="148">
        <v>32</v>
      </c>
      <c r="Q24" s="147">
        <v>-4</v>
      </c>
      <c r="R24" s="408"/>
    </row>
    <row r="25" spans="1:18" ht="19.5" customHeight="1" x14ac:dyDescent="0.15">
      <c r="A25" s="153">
        <v>20</v>
      </c>
      <c r="B25" s="152" t="s">
        <v>31</v>
      </c>
      <c r="C25" s="150">
        <v>343220</v>
      </c>
      <c r="D25" s="150">
        <v>17</v>
      </c>
      <c r="E25" s="151">
        <v>-1.41</v>
      </c>
      <c r="F25" s="150">
        <v>362000</v>
      </c>
      <c r="G25" s="150">
        <v>13</v>
      </c>
      <c r="H25" s="151">
        <v>5.47</v>
      </c>
      <c r="I25" s="148">
        <v>358045</v>
      </c>
      <c r="J25" s="148">
        <v>19</v>
      </c>
      <c r="K25" s="151">
        <v>-1.0900000000000001</v>
      </c>
      <c r="L25" s="150">
        <v>357040</v>
      </c>
      <c r="M25" s="150">
        <v>21</v>
      </c>
      <c r="N25" s="149">
        <v>-0.28000000000000003</v>
      </c>
      <c r="O25" s="141">
        <v>355176</v>
      </c>
      <c r="P25" s="148">
        <v>18</v>
      </c>
      <c r="Q25" s="147">
        <v>-0.52</v>
      </c>
      <c r="R25" s="408"/>
    </row>
    <row r="26" spans="1:18" ht="19.5" customHeight="1" x14ac:dyDescent="0.15">
      <c r="A26" s="153">
        <v>21</v>
      </c>
      <c r="B26" s="152" t="s">
        <v>30</v>
      </c>
      <c r="C26" s="150">
        <v>318468</v>
      </c>
      <c r="D26" s="150">
        <v>30</v>
      </c>
      <c r="E26" s="151">
        <v>1.84</v>
      </c>
      <c r="F26" s="150">
        <v>336309</v>
      </c>
      <c r="G26" s="150">
        <v>24</v>
      </c>
      <c r="H26" s="151">
        <v>5.6</v>
      </c>
      <c r="I26" s="148">
        <v>345572</v>
      </c>
      <c r="J26" s="148">
        <v>22</v>
      </c>
      <c r="K26" s="151">
        <v>2.75</v>
      </c>
      <c r="L26" s="150">
        <v>355133</v>
      </c>
      <c r="M26" s="150">
        <v>22</v>
      </c>
      <c r="N26" s="149">
        <v>2.77</v>
      </c>
      <c r="O26" s="141">
        <v>340535</v>
      </c>
      <c r="P26" s="148">
        <v>24</v>
      </c>
      <c r="Q26" s="147">
        <v>-4.1100000000000003</v>
      </c>
      <c r="R26" s="408"/>
    </row>
    <row r="27" spans="1:18" ht="19.5" customHeight="1" x14ac:dyDescent="0.15">
      <c r="A27" s="153">
        <v>22</v>
      </c>
      <c r="B27" s="152" t="s">
        <v>29</v>
      </c>
      <c r="C27" s="150">
        <v>346865</v>
      </c>
      <c r="D27" s="150">
        <v>14</v>
      </c>
      <c r="E27" s="151">
        <v>-0.35</v>
      </c>
      <c r="F27" s="150">
        <v>357876</v>
      </c>
      <c r="G27" s="150">
        <v>14</v>
      </c>
      <c r="H27" s="151">
        <v>3.17</v>
      </c>
      <c r="I27" s="148">
        <v>377833</v>
      </c>
      <c r="J27" s="148">
        <v>7</v>
      </c>
      <c r="K27" s="151">
        <v>5.58</v>
      </c>
      <c r="L27" s="150">
        <v>381701</v>
      </c>
      <c r="M27" s="150">
        <v>9</v>
      </c>
      <c r="N27" s="149">
        <v>1.02</v>
      </c>
      <c r="O27" s="141">
        <v>375660</v>
      </c>
      <c r="P27" s="148">
        <v>10</v>
      </c>
      <c r="Q27" s="147">
        <v>-1.58</v>
      </c>
      <c r="R27" s="408"/>
    </row>
    <row r="28" spans="1:18" ht="19.5" customHeight="1" x14ac:dyDescent="0.15">
      <c r="A28" s="153">
        <v>23</v>
      </c>
      <c r="B28" s="152" t="s">
        <v>28</v>
      </c>
      <c r="C28" s="150">
        <v>360461</v>
      </c>
      <c r="D28" s="150">
        <v>7</v>
      </c>
      <c r="E28" s="151">
        <v>-0.35</v>
      </c>
      <c r="F28" s="150">
        <v>378736</v>
      </c>
      <c r="G28" s="150">
        <v>7</v>
      </c>
      <c r="H28" s="151">
        <v>5.07</v>
      </c>
      <c r="I28" s="148">
        <v>360019</v>
      </c>
      <c r="J28" s="148">
        <v>14</v>
      </c>
      <c r="K28" s="151">
        <v>-4.9400000000000004</v>
      </c>
      <c r="L28" s="150">
        <v>370383</v>
      </c>
      <c r="M28" s="150">
        <v>15</v>
      </c>
      <c r="N28" s="149">
        <v>2.88</v>
      </c>
      <c r="O28" s="141">
        <v>345239</v>
      </c>
      <c r="P28" s="148">
        <v>21</v>
      </c>
      <c r="Q28" s="147">
        <v>-6.79</v>
      </c>
      <c r="R28" s="408"/>
    </row>
    <row r="29" spans="1:18" ht="19.5" customHeight="1" x14ac:dyDescent="0.15">
      <c r="A29" s="153">
        <v>24</v>
      </c>
      <c r="B29" s="152" t="s">
        <v>27</v>
      </c>
      <c r="C29" s="150">
        <v>351567</v>
      </c>
      <c r="D29" s="150">
        <v>12</v>
      </c>
      <c r="E29" s="151">
        <v>1.8</v>
      </c>
      <c r="F29" s="150">
        <v>385925</v>
      </c>
      <c r="G29" s="150">
        <v>4</v>
      </c>
      <c r="H29" s="151">
        <v>9.77</v>
      </c>
      <c r="I29" s="148">
        <v>358871</v>
      </c>
      <c r="J29" s="148">
        <v>17</v>
      </c>
      <c r="K29" s="151">
        <v>-7.01</v>
      </c>
      <c r="L29" s="150">
        <v>399054</v>
      </c>
      <c r="M29" s="150">
        <v>6</v>
      </c>
      <c r="N29" s="149">
        <v>11.2</v>
      </c>
      <c r="O29" s="141">
        <v>378170</v>
      </c>
      <c r="P29" s="148">
        <v>7</v>
      </c>
      <c r="Q29" s="147">
        <v>-5.23</v>
      </c>
      <c r="R29" s="408"/>
    </row>
    <row r="30" spans="1:18" ht="19.5" customHeight="1" x14ac:dyDescent="0.15">
      <c r="A30" s="153">
        <v>25</v>
      </c>
      <c r="B30" s="152" t="s">
        <v>26</v>
      </c>
      <c r="C30" s="150">
        <v>294729</v>
      </c>
      <c r="D30" s="150">
        <v>33</v>
      </c>
      <c r="E30" s="151">
        <v>-3.56</v>
      </c>
      <c r="F30" s="150">
        <v>307012</v>
      </c>
      <c r="G30" s="150">
        <v>33</v>
      </c>
      <c r="H30" s="151">
        <v>4.17</v>
      </c>
      <c r="I30" s="148">
        <v>314994</v>
      </c>
      <c r="J30" s="148">
        <v>32</v>
      </c>
      <c r="K30" s="151">
        <v>2.6</v>
      </c>
      <c r="L30" s="150">
        <v>333818</v>
      </c>
      <c r="M30" s="150">
        <v>32</v>
      </c>
      <c r="N30" s="149">
        <v>5.98</v>
      </c>
      <c r="O30" s="141">
        <v>300853</v>
      </c>
      <c r="P30" s="148">
        <v>33</v>
      </c>
      <c r="Q30" s="147">
        <v>-9.8800000000000008</v>
      </c>
      <c r="R30" s="408"/>
    </row>
    <row r="31" spans="1:18" ht="19.5" customHeight="1" x14ac:dyDescent="0.15">
      <c r="A31" s="153">
        <v>26</v>
      </c>
      <c r="B31" s="152" t="s">
        <v>25</v>
      </c>
      <c r="C31" s="150">
        <v>385501</v>
      </c>
      <c r="D31" s="150">
        <v>3</v>
      </c>
      <c r="E31" s="151">
        <v>0.98</v>
      </c>
      <c r="F31" s="150">
        <v>405524</v>
      </c>
      <c r="G31" s="150">
        <v>2</v>
      </c>
      <c r="H31" s="151">
        <v>5.19</v>
      </c>
      <c r="I31" s="148">
        <v>422834</v>
      </c>
      <c r="J31" s="148">
        <v>3</v>
      </c>
      <c r="K31" s="151">
        <v>4.2699999999999996</v>
      </c>
      <c r="L31" s="150">
        <v>404340</v>
      </c>
      <c r="M31" s="150">
        <v>4</v>
      </c>
      <c r="N31" s="149">
        <v>-4.37</v>
      </c>
      <c r="O31" s="141">
        <v>379871</v>
      </c>
      <c r="P31" s="148">
        <v>6</v>
      </c>
      <c r="Q31" s="147">
        <v>-6.05</v>
      </c>
      <c r="R31" s="408"/>
    </row>
    <row r="32" spans="1:18" ht="19.5" customHeight="1" x14ac:dyDescent="0.15">
      <c r="A32" s="153">
        <v>27</v>
      </c>
      <c r="B32" s="152" t="s">
        <v>24</v>
      </c>
      <c r="C32" s="150">
        <v>416839</v>
      </c>
      <c r="D32" s="150">
        <v>1</v>
      </c>
      <c r="E32" s="151">
        <v>6.15</v>
      </c>
      <c r="F32" s="150">
        <v>407655</v>
      </c>
      <c r="G32" s="150">
        <v>1</v>
      </c>
      <c r="H32" s="151">
        <v>-2.2000000000000002</v>
      </c>
      <c r="I32" s="148">
        <v>441364</v>
      </c>
      <c r="J32" s="148">
        <v>1</v>
      </c>
      <c r="K32" s="151">
        <v>8.27</v>
      </c>
      <c r="L32" s="150">
        <v>452630</v>
      </c>
      <c r="M32" s="150">
        <v>1</v>
      </c>
      <c r="N32" s="149">
        <v>2.5499999999999998</v>
      </c>
      <c r="O32" s="141">
        <v>440405</v>
      </c>
      <c r="P32" s="148">
        <v>1</v>
      </c>
      <c r="Q32" s="147">
        <v>-2.7</v>
      </c>
      <c r="R32" s="408"/>
    </row>
    <row r="33" spans="1:18" ht="19.5" customHeight="1" x14ac:dyDescent="0.15">
      <c r="A33" s="153">
        <v>28</v>
      </c>
      <c r="B33" s="152" t="s">
        <v>23</v>
      </c>
      <c r="C33" s="150">
        <v>384543</v>
      </c>
      <c r="D33" s="150">
        <v>4</v>
      </c>
      <c r="E33" s="151">
        <v>13.62</v>
      </c>
      <c r="F33" s="150">
        <v>400729</v>
      </c>
      <c r="G33" s="150">
        <v>3</v>
      </c>
      <c r="H33" s="151">
        <v>4.21</v>
      </c>
      <c r="I33" s="148">
        <v>393792</v>
      </c>
      <c r="J33" s="148">
        <v>4</v>
      </c>
      <c r="K33" s="151">
        <v>-1.73</v>
      </c>
      <c r="L33" s="150">
        <v>410838</v>
      </c>
      <c r="M33" s="150">
        <v>3</v>
      </c>
      <c r="N33" s="149">
        <v>4.33</v>
      </c>
      <c r="O33" s="141">
        <v>382462</v>
      </c>
      <c r="P33" s="148">
        <v>5</v>
      </c>
      <c r="Q33" s="147">
        <v>-6.91</v>
      </c>
      <c r="R33" s="408"/>
    </row>
    <row r="34" spans="1:18" ht="19.5" customHeight="1" x14ac:dyDescent="0.15">
      <c r="A34" s="153">
        <v>29</v>
      </c>
      <c r="B34" s="152" t="s">
        <v>22</v>
      </c>
      <c r="C34" s="150">
        <v>350096</v>
      </c>
      <c r="D34" s="150">
        <v>13</v>
      </c>
      <c r="E34" s="151">
        <v>-7.25</v>
      </c>
      <c r="F34" s="150">
        <v>365995</v>
      </c>
      <c r="G34" s="150">
        <v>12</v>
      </c>
      <c r="H34" s="151">
        <v>4.54</v>
      </c>
      <c r="I34" s="148">
        <v>358992</v>
      </c>
      <c r="J34" s="148">
        <v>16</v>
      </c>
      <c r="K34" s="151">
        <v>-1.91</v>
      </c>
      <c r="L34" s="150">
        <v>365827</v>
      </c>
      <c r="M34" s="150">
        <v>17</v>
      </c>
      <c r="N34" s="149">
        <v>1.9</v>
      </c>
      <c r="O34" s="141">
        <v>375705</v>
      </c>
      <c r="P34" s="148">
        <v>9</v>
      </c>
      <c r="Q34" s="147">
        <v>2.7</v>
      </c>
      <c r="R34" s="408"/>
    </row>
    <row r="35" spans="1:18" ht="19.5" customHeight="1" x14ac:dyDescent="0.15">
      <c r="A35" s="153">
        <v>30</v>
      </c>
      <c r="B35" s="152" t="s">
        <v>21</v>
      </c>
      <c r="C35" s="150">
        <v>387978</v>
      </c>
      <c r="D35" s="150">
        <v>2</v>
      </c>
      <c r="E35" s="151">
        <v>0.31</v>
      </c>
      <c r="F35" s="150">
        <v>375765</v>
      </c>
      <c r="G35" s="150">
        <v>8</v>
      </c>
      <c r="H35" s="151">
        <v>-3.15</v>
      </c>
      <c r="I35" s="148">
        <v>424635</v>
      </c>
      <c r="J35" s="148">
        <v>2</v>
      </c>
      <c r="K35" s="151">
        <v>13.01</v>
      </c>
      <c r="L35" s="150">
        <v>422771</v>
      </c>
      <c r="M35" s="150">
        <v>2</v>
      </c>
      <c r="N35" s="149">
        <v>-0.44</v>
      </c>
      <c r="O35" s="141">
        <v>389801</v>
      </c>
      <c r="P35" s="148">
        <v>2</v>
      </c>
      <c r="Q35" s="147">
        <v>-7.8</v>
      </c>
      <c r="R35" s="408"/>
    </row>
    <row r="36" spans="1:18" ht="19.5" customHeight="1" x14ac:dyDescent="0.15">
      <c r="A36" s="153">
        <v>31</v>
      </c>
      <c r="B36" s="152" t="s">
        <v>20</v>
      </c>
      <c r="C36" s="150">
        <v>352785</v>
      </c>
      <c r="D36" s="150">
        <v>11</v>
      </c>
      <c r="E36" s="151">
        <v>3.93</v>
      </c>
      <c r="F36" s="150">
        <v>366924</v>
      </c>
      <c r="G36" s="150">
        <v>11</v>
      </c>
      <c r="H36" s="151">
        <v>4.01</v>
      </c>
      <c r="I36" s="148">
        <v>355080</v>
      </c>
      <c r="J36" s="148">
        <v>20</v>
      </c>
      <c r="K36" s="151">
        <v>-3.23</v>
      </c>
      <c r="L36" s="150">
        <v>380269</v>
      </c>
      <c r="M36" s="150">
        <v>10</v>
      </c>
      <c r="N36" s="149">
        <v>7.09</v>
      </c>
      <c r="O36" s="141">
        <v>355820</v>
      </c>
      <c r="P36" s="148">
        <v>17</v>
      </c>
      <c r="Q36" s="147">
        <v>-6.43</v>
      </c>
      <c r="R36" s="408"/>
    </row>
    <row r="37" spans="1:18" ht="19.5" customHeight="1" x14ac:dyDescent="0.15">
      <c r="A37" s="153">
        <v>32</v>
      </c>
      <c r="B37" s="152" t="s">
        <v>19</v>
      </c>
      <c r="C37" s="150">
        <v>345080</v>
      </c>
      <c r="D37" s="150">
        <v>16</v>
      </c>
      <c r="E37" s="151">
        <v>0.56000000000000005</v>
      </c>
      <c r="F37" s="150">
        <v>346522</v>
      </c>
      <c r="G37" s="150">
        <v>20</v>
      </c>
      <c r="H37" s="151">
        <v>0.42</v>
      </c>
      <c r="I37" s="148">
        <v>362393</v>
      </c>
      <c r="J37" s="148">
        <v>12</v>
      </c>
      <c r="K37" s="151">
        <v>4.58</v>
      </c>
      <c r="L37" s="150">
        <v>378364</v>
      </c>
      <c r="M37" s="150">
        <v>11</v>
      </c>
      <c r="N37" s="149">
        <v>4.41</v>
      </c>
      <c r="O37" s="141">
        <v>360282</v>
      </c>
      <c r="P37" s="148">
        <v>15</v>
      </c>
      <c r="Q37" s="147">
        <v>-4.78</v>
      </c>
      <c r="R37" s="408"/>
    </row>
    <row r="38" spans="1:18" ht="18" customHeight="1" thickBot="1" x14ac:dyDescent="0.2">
      <c r="A38" s="146">
        <v>33</v>
      </c>
      <c r="B38" s="145" t="s">
        <v>18</v>
      </c>
      <c r="C38" s="143">
        <v>364222</v>
      </c>
      <c r="D38" s="143">
        <v>6</v>
      </c>
      <c r="E38" s="144">
        <v>3.77</v>
      </c>
      <c r="F38" s="143">
        <v>350884</v>
      </c>
      <c r="G38" s="143">
        <v>19</v>
      </c>
      <c r="H38" s="144">
        <v>-3.66</v>
      </c>
      <c r="I38" s="140">
        <v>373981</v>
      </c>
      <c r="J38" s="140">
        <v>8</v>
      </c>
      <c r="K38" s="144">
        <v>6.58</v>
      </c>
      <c r="L38" s="143">
        <v>363758</v>
      </c>
      <c r="M38" s="143">
        <v>19</v>
      </c>
      <c r="N38" s="142">
        <v>-2.73</v>
      </c>
      <c r="O38" s="141">
        <v>386916</v>
      </c>
      <c r="P38" s="140">
        <v>3</v>
      </c>
      <c r="Q38" s="139">
        <v>6.37</v>
      </c>
      <c r="R38" s="408"/>
    </row>
    <row r="39" spans="1:18" ht="12" hidden="1" customHeight="1" thickTop="1" thickBot="1" x14ac:dyDescent="0.2">
      <c r="A39" s="167">
        <v>34</v>
      </c>
      <c r="B39" s="166" t="s">
        <v>116</v>
      </c>
      <c r="C39" s="165" t="s">
        <v>86</v>
      </c>
      <c r="D39" s="164" t="s">
        <v>86</v>
      </c>
      <c r="E39" s="163"/>
      <c r="F39" s="165" t="s">
        <v>86</v>
      </c>
      <c r="G39" s="164" t="s">
        <v>86</v>
      </c>
      <c r="H39" s="163"/>
      <c r="I39" s="134"/>
      <c r="J39" s="134" t="s">
        <v>86</v>
      </c>
      <c r="K39" s="133"/>
      <c r="L39" s="132"/>
      <c r="M39" s="132" t="s">
        <v>86</v>
      </c>
      <c r="N39" s="130"/>
      <c r="O39" s="129"/>
      <c r="P39" s="162" t="s">
        <v>111</v>
      </c>
      <c r="Q39" s="127"/>
      <c r="R39" s="408"/>
    </row>
    <row r="40" spans="1:18" ht="12" hidden="1" customHeight="1" thickTop="1" thickBot="1" x14ac:dyDescent="0.2">
      <c r="A40" s="167">
        <v>35</v>
      </c>
      <c r="B40" s="166" t="s">
        <v>115</v>
      </c>
      <c r="C40" s="165" t="s">
        <v>86</v>
      </c>
      <c r="D40" s="164" t="s">
        <v>86</v>
      </c>
      <c r="E40" s="163"/>
      <c r="F40" s="165" t="s">
        <v>86</v>
      </c>
      <c r="G40" s="164" t="s">
        <v>86</v>
      </c>
      <c r="H40" s="163"/>
      <c r="I40" s="134"/>
      <c r="J40" s="134" t="s">
        <v>86</v>
      </c>
      <c r="K40" s="133"/>
      <c r="L40" s="132"/>
      <c r="M40" s="132" t="s">
        <v>86</v>
      </c>
      <c r="N40" s="130"/>
      <c r="O40" s="129"/>
      <c r="P40" s="162" t="s">
        <v>111</v>
      </c>
      <c r="Q40" s="127"/>
      <c r="R40" s="408"/>
    </row>
    <row r="41" spans="1:18" ht="12" hidden="1" customHeight="1" thickTop="1" thickBot="1" x14ac:dyDescent="0.2">
      <c r="A41" s="167">
        <v>36</v>
      </c>
      <c r="B41" s="166" t="s">
        <v>114</v>
      </c>
      <c r="C41" s="165" t="s">
        <v>86</v>
      </c>
      <c r="D41" s="164" t="s">
        <v>86</v>
      </c>
      <c r="E41" s="163"/>
      <c r="F41" s="165" t="s">
        <v>86</v>
      </c>
      <c r="G41" s="164" t="s">
        <v>86</v>
      </c>
      <c r="H41" s="163"/>
      <c r="I41" s="134"/>
      <c r="J41" s="134" t="s">
        <v>86</v>
      </c>
      <c r="K41" s="133"/>
      <c r="L41" s="132"/>
      <c r="M41" s="132" t="s">
        <v>86</v>
      </c>
      <c r="N41" s="130"/>
      <c r="O41" s="129"/>
      <c r="P41" s="162" t="s">
        <v>113</v>
      </c>
      <c r="Q41" s="127"/>
      <c r="R41" s="408"/>
    </row>
    <row r="42" spans="1:18" ht="12" hidden="1" customHeight="1" thickTop="1" thickBot="1" x14ac:dyDescent="0.2">
      <c r="A42" s="167">
        <v>37</v>
      </c>
      <c r="B42" s="166" t="s">
        <v>112</v>
      </c>
      <c r="C42" s="165" t="s">
        <v>86</v>
      </c>
      <c r="D42" s="164" t="s">
        <v>86</v>
      </c>
      <c r="E42" s="163"/>
      <c r="F42" s="165" t="s">
        <v>86</v>
      </c>
      <c r="G42" s="164" t="s">
        <v>86</v>
      </c>
      <c r="H42" s="163"/>
      <c r="I42" s="134"/>
      <c r="J42" s="134" t="s">
        <v>86</v>
      </c>
      <c r="K42" s="133"/>
      <c r="L42" s="132"/>
      <c r="M42" s="132" t="s">
        <v>86</v>
      </c>
      <c r="N42" s="130"/>
      <c r="O42" s="129"/>
      <c r="P42" s="162" t="s">
        <v>111</v>
      </c>
      <c r="Q42" s="127"/>
      <c r="R42" s="408"/>
    </row>
    <row r="43" spans="1:18" ht="19.5" customHeight="1" thickTop="1" x14ac:dyDescent="0.15">
      <c r="A43" s="161">
        <v>301</v>
      </c>
      <c r="B43" s="160" t="s">
        <v>110</v>
      </c>
      <c r="C43" s="158">
        <v>184745</v>
      </c>
      <c r="D43" s="158">
        <v>5</v>
      </c>
      <c r="E43" s="159">
        <v>2.1</v>
      </c>
      <c r="F43" s="158">
        <v>195328</v>
      </c>
      <c r="G43" s="158">
        <v>3</v>
      </c>
      <c r="H43" s="159">
        <v>5.73</v>
      </c>
      <c r="I43" s="155">
        <v>204777</v>
      </c>
      <c r="J43" s="155">
        <v>2</v>
      </c>
      <c r="K43" s="159">
        <v>4.84</v>
      </c>
      <c r="L43" s="158">
        <v>212763</v>
      </c>
      <c r="M43" s="158">
        <v>2</v>
      </c>
      <c r="N43" s="157">
        <v>3.9</v>
      </c>
      <c r="O43" s="156">
        <v>195945</v>
      </c>
      <c r="P43" s="155">
        <v>2</v>
      </c>
      <c r="Q43" s="154">
        <v>-7.9</v>
      </c>
      <c r="R43" s="408"/>
    </row>
    <row r="44" spans="1:18" ht="19.5" customHeight="1" x14ac:dyDescent="0.15">
      <c r="A44" s="153">
        <v>302</v>
      </c>
      <c r="B44" s="152" t="s">
        <v>109</v>
      </c>
      <c r="C44" s="150">
        <v>158702</v>
      </c>
      <c r="D44" s="150">
        <v>6</v>
      </c>
      <c r="E44" s="151">
        <v>-5.25</v>
      </c>
      <c r="F44" s="150">
        <v>163665</v>
      </c>
      <c r="G44" s="150">
        <v>6</v>
      </c>
      <c r="H44" s="151">
        <v>3.13</v>
      </c>
      <c r="I44" s="148">
        <v>168352</v>
      </c>
      <c r="J44" s="148">
        <v>6</v>
      </c>
      <c r="K44" s="151">
        <v>2.86</v>
      </c>
      <c r="L44" s="150">
        <v>171686</v>
      </c>
      <c r="M44" s="150">
        <v>6</v>
      </c>
      <c r="N44" s="149">
        <v>1.98</v>
      </c>
      <c r="O44" s="141">
        <v>164470</v>
      </c>
      <c r="P44" s="148">
        <v>6</v>
      </c>
      <c r="Q44" s="147">
        <v>-4.2</v>
      </c>
      <c r="R44" s="408"/>
    </row>
    <row r="45" spans="1:18" ht="19.5" customHeight="1" x14ac:dyDescent="0.15">
      <c r="A45" s="153">
        <v>303</v>
      </c>
      <c r="B45" s="152" t="s">
        <v>108</v>
      </c>
      <c r="C45" s="150">
        <v>242798</v>
      </c>
      <c r="D45" s="150">
        <v>1</v>
      </c>
      <c r="E45" s="151">
        <v>-5.32</v>
      </c>
      <c r="F45" s="150">
        <v>242506</v>
      </c>
      <c r="G45" s="150">
        <v>1</v>
      </c>
      <c r="H45" s="151">
        <v>-0.12</v>
      </c>
      <c r="I45" s="148">
        <v>246561</v>
      </c>
      <c r="J45" s="148">
        <v>1</v>
      </c>
      <c r="K45" s="151">
        <v>1.67</v>
      </c>
      <c r="L45" s="150">
        <v>257090</v>
      </c>
      <c r="M45" s="150">
        <v>1</v>
      </c>
      <c r="N45" s="149">
        <v>4.2699999999999996</v>
      </c>
      <c r="O45" s="141">
        <v>236406</v>
      </c>
      <c r="P45" s="148">
        <v>1</v>
      </c>
      <c r="Q45" s="147">
        <v>-8.0500000000000007</v>
      </c>
      <c r="R45" s="408"/>
    </row>
    <row r="46" spans="1:18" ht="19.5" customHeight="1" x14ac:dyDescent="0.15">
      <c r="A46" s="153">
        <v>304</v>
      </c>
      <c r="B46" s="152" t="s">
        <v>107</v>
      </c>
      <c r="C46" s="150">
        <v>190350</v>
      </c>
      <c r="D46" s="150">
        <v>4</v>
      </c>
      <c r="E46" s="151">
        <v>-0.83</v>
      </c>
      <c r="F46" s="150">
        <v>187551</v>
      </c>
      <c r="G46" s="150">
        <v>5</v>
      </c>
      <c r="H46" s="151">
        <v>-1.47</v>
      </c>
      <c r="I46" s="148">
        <v>182626</v>
      </c>
      <c r="J46" s="148">
        <v>5</v>
      </c>
      <c r="K46" s="151">
        <v>-2.63</v>
      </c>
      <c r="L46" s="150">
        <v>201062</v>
      </c>
      <c r="M46" s="150">
        <v>4</v>
      </c>
      <c r="N46" s="149">
        <v>10.09</v>
      </c>
      <c r="O46" s="141">
        <v>187498</v>
      </c>
      <c r="P46" s="148">
        <v>5</v>
      </c>
      <c r="Q46" s="147">
        <v>-6.75</v>
      </c>
      <c r="R46" s="408"/>
    </row>
    <row r="47" spans="1:18" ht="19.5" customHeight="1" x14ac:dyDescent="0.15">
      <c r="A47" s="153">
        <v>305</v>
      </c>
      <c r="B47" s="152" t="s">
        <v>106</v>
      </c>
      <c r="C47" s="150">
        <v>191763</v>
      </c>
      <c r="D47" s="150">
        <v>3</v>
      </c>
      <c r="E47" s="151">
        <v>-3.82</v>
      </c>
      <c r="F47" s="150">
        <v>189146</v>
      </c>
      <c r="G47" s="150">
        <v>4</v>
      </c>
      <c r="H47" s="151">
        <v>-1.36</v>
      </c>
      <c r="I47" s="148">
        <v>191391</v>
      </c>
      <c r="J47" s="148">
        <v>4</v>
      </c>
      <c r="K47" s="151">
        <v>1.19</v>
      </c>
      <c r="L47" s="150">
        <v>198808</v>
      </c>
      <c r="M47" s="150">
        <v>5</v>
      </c>
      <c r="N47" s="149">
        <v>3.88</v>
      </c>
      <c r="O47" s="141">
        <v>187782</v>
      </c>
      <c r="P47" s="148">
        <v>4</v>
      </c>
      <c r="Q47" s="147">
        <v>-5.55</v>
      </c>
      <c r="R47" s="408"/>
    </row>
    <row r="48" spans="1:18" ht="19.5" customHeight="1" thickBot="1" x14ac:dyDescent="0.2">
      <c r="A48" s="146">
        <v>306</v>
      </c>
      <c r="B48" s="145" t="s">
        <v>105</v>
      </c>
      <c r="C48" s="143">
        <v>201184</v>
      </c>
      <c r="D48" s="143">
        <v>2</v>
      </c>
      <c r="E48" s="144">
        <v>-1.82</v>
      </c>
      <c r="F48" s="143">
        <v>198497</v>
      </c>
      <c r="G48" s="143">
        <v>2</v>
      </c>
      <c r="H48" s="144">
        <v>-1.34</v>
      </c>
      <c r="I48" s="140">
        <v>197091</v>
      </c>
      <c r="J48" s="140">
        <v>3</v>
      </c>
      <c r="K48" s="144">
        <v>-0.71</v>
      </c>
      <c r="L48" s="143">
        <v>201835</v>
      </c>
      <c r="M48" s="143">
        <v>3</v>
      </c>
      <c r="N48" s="142">
        <v>2.41</v>
      </c>
      <c r="O48" s="141">
        <v>188810</v>
      </c>
      <c r="P48" s="140">
        <v>3</v>
      </c>
      <c r="Q48" s="139">
        <v>-6.45</v>
      </c>
      <c r="R48" s="408"/>
    </row>
    <row r="49" spans="1:17" ht="19.5" customHeight="1" thickTop="1" thickBot="1" x14ac:dyDescent="0.2">
      <c r="A49" s="138" t="s">
        <v>6</v>
      </c>
      <c r="B49" s="137"/>
      <c r="C49" s="132">
        <v>336496</v>
      </c>
      <c r="D49" s="136"/>
      <c r="E49" s="133">
        <v>0.97</v>
      </c>
      <c r="F49" s="132">
        <v>346612</v>
      </c>
      <c r="G49" s="135"/>
      <c r="H49" s="133">
        <v>3.01</v>
      </c>
      <c r="I49" s="134">
        <v>353301</v>
      </c>
      <c r="J49" s="128"/>
      <c r="K49" s="133">
        <v>1.93</v>
      </c>
      <c r="L49" s="132">
        <v>362703</v>
      </c>
      <c r="M49" s="131"/>
      <c r="N49" s="130">
        <v>2.66</v>
      </c>
      <c r="O49" s="129">
        <v>350734</v>
      </c>
      <c r="P49" s="128"/>
      <c r="Q49" s="127">
        <v>-3.3</v>
      </c>
    </row>
    <row r="50" spans="1:17" ht="19.5" customHeight="1" thickTop="1" thickBot="1" x14ac:dyDescent="0.2">
      <c r="A50" s="138" t="s">
        <v>104</v>
      </c>
      <c r="B50" s="137"/>
      <c r="C50" s="132">
        <v>199231</v>
      </c>
      <c r="D50" s="136"/>
      <c r="E50" s="133">
        <v>-2.62</v>
      </c>
      <c r="F50" s="132">
        <v>198483</v>
      </c>
      <c r="G50" s="135"/>
      <c r="H50" s="133">
        <v>-0.38</v>
      </c>
      <c r="I50" s="134">
        <v>199105</v>
      </c>
      <c r="J50" s="128"/>
      <c r="K50" s="133">
        <v>0.31</v>
      </c>
      <c r="L50" s="132">
        <v>204797</v>
      </c>
      <c r="M50" s="131"/>
      <c r="N50" s="130">
        <v>2.86</v>
      </c>
      <c r="O50" s="129">
        <v>191155</v>
      </c>
      <c r="P50" s="128"/>
      <c r="Q50" s="127">
        <v>-6.66</v>
      </c>
    </row>
    <row r="51" spans="1:17" ht="19.5" customHeight="1" thickTop="1" thickBot="1" x14ac:dyDescent="0.2">
      <c r="A51" s="126" t="s">
        <v>103</v>
      </c>
      <c r="B51" s="125"/>
      <c r="C51" s="120">
        <v>327827</v>
      </c>
      <c r="D51" s="124"/>
      <c r="E51" s="121">
        <v>0.83</v>
      </c>
      <c r="F51" s="120">
        <v>336929</v>
      </c>
      <c r="G51" s="123"/>
      <c r="H51" s="121">
        <v>2.78</v>
      </c>
      <c r="I51" s="122">
        <v>343029</v>
      </c>
      <c r="J51" s="116"/>
      <c r="K51" s="121">
        <v>1.81</v>
      </c>
      <c r="L51" s="120">
        <v>351937</v>
      </c>
      <c r="M51" s="119"/>
      <c r="N51" s="118">
        <v>2.6</v>
      </c>
      <c r="O51" s="117">
        <v>339711</v>
      </c>
      <c r="P51" s="116"/>
      <c r="Q51" s="115">
        <v>-3.47</v>
      </c>
    </row>
    <row r="52" spans="1:17" x14ac:dyDescent="0.15">
      <c r="A52" s="411"/>
      <c r="B52" s="409"/>
      <c r="C52" s="409"/>
      <c r="D52" s="409"/>
      <c r="E52" s="410"/>
    </row>
  </sheetData>
  <mergeCells count="9">
    <mergeCell ref="A51:B51"/>
    <mergeCell ref="A3:B5"/>
    <mergeCell ref="O3:Q3"/>
    <mergeCell ref="A49:B49"/>
    <mergeCell ref="A50:B50"/>
    <mergeCell ref="C3:E3"/>
    <mergeCell ref="F3:H3"/>
    <mergeCell ref="I3:K3"/>
    <mergeCell ref="L3:N3"/>
  </mergeCells>
  <phoneticPr fontId="3"/>
  <printOptions horizontalCentered="1" gridLinesSet="0"/>
  <pageMargins left="0.59055118110236227" right="0.59055118110236227" top="0.59055118110236227" bottom="0.59055118110236227" header="0.27559055118110237" footer="0.27559055118110237"/>
  <pageSetup paperSize="9" scale="88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52"/>
  <sheetViews>
    <sheetView zoomScaleNormal="100" zoomScaleSheetLayoutView="100" workbookViewId="0"/>
  </sheetViews>
  <sheetFormatPr defaultColWidth="9" defaultRowHeight="10.8" x14ac:dyDescent="0.15"/>
  <cols>
    <col min="1" max="1" width="3.6640625" style="188" customWidth="1"/>
    <col min="2" max="2" width="9.88671875" style="188" customWidth="1"/>
    <col min="3" max="3" width="8.109375" style="188" customWidth="1"/>
    <col min="4" max="4" width="3.109375" style="188" customWidth="1"/>
    <col min="5" max="5" width="6.109375" style="188" customWidth="1"/>
    <col min="6" max="6" width="8.109375" style="188" customWidth="1"/>
    <col min="7" max="7" width="3.109375" style="188" customWidth="1"/>
    <col min="8" max="8" width="6.109375" style="188" customWidth="1"/>
    <col min="9" max="9" width="8.109375" style="188" customWidth="1"/>
    <col min="10" max="10" width="3.109375" style="188" customWidth="1"/>
    <col min="11" max="11" width="6.109375" style="188" customWidth="1"/>
    <col min="12" max="12" width="8.109375" style="188" customWidth="1"/>
    <col min="13" max="13" width="3.109375" style="188" customWidth="1"/>
    <col min="14" max="14" width="6.109375" style="188" customWidth="1"/>
    <col min="15" max="15" width="8.109375" style="188" customWidth="1"/>
    <col min="16" max="16" width="3.109375" style="188" customWidth="1"/>
    <col min="17" max="17" width="6.109375" style="188" customWidth="1"/>
    <col min="18" max="16384" width="9" style="188"/>
  </cols>
  <sheetData>
    <row r="1" spans="1:17" ht="16.5" customHeight="1" x14ac:dyDescent="0.2">
      <c r="A1" s="413" t="s">
        <v>137</v>
      </c>
      <c r="O1" s="200"/>
    </row>
    <row r="2" spans="1:17" ht="11.1" customHeight="1" thickBot="1" x14ac:dyDescent="0.2"/>
    <row r="3" spans="1:17" ht="15" customHeight="1" x14ac:dyDescent="0.2">
      <c r="A3" s="187" t="s">
        <v>60</v>
      </c>
      <c r="B3" s="186"/>
      <c r="C3" s="198" t="s">
        <v>132</v>
      </c>
      <c r="D3" s="199"/>
      <c r="E3" s="199"/>
      <c r="F3" s="198" t="s">
        <v>131</v>
      </c>
      <c r="G3" s="185"/>
      <c r="H3" s="185"/>
      <c r="I3" s="183" t="s">
        <v>130</v>
      </c>
      <c r="J3" s="185"/>
      <c r="K3" s="185"/>
      <c r="L3" s="183" t="s">
        <v>129</v>
      </c>
      <c r="M3" s="185"/>
      <c r="N3" s="185"/>
      <c r="O3" s="184" t="s">
        <v>136</v>
      </c>
      <c r="P3" s="185"/>
      <c r="Q3" s="197"/>
    </row>
    <row r="4" spans="1:17" ht="12.75" customHeight="1" x14ac:dyDescent="0.15">
      <c r="A4" s="175"/>
      <c r="B4" s="174"/>
      <c r="C4" s="179" t="s">
        <v>123</v>
      </c>
      <c r="D4" s="177" t="s">
        <v>122</v>
      </c>
      <c r="E4" s="179" t="s">
        <v>127</v>
      </c>
      <c r="F4" s="180" t="s">
        <v>123</v>
      </c>
      <c r="G4" s="177" t="s">
        <v>122</v>
      </c>
      <c r="H4" s="179" t="s">
        <v>126</v>
      </c>
      <c r="I4" s="180" t="s">
        <v>123</v>
      </c>
      <c r="J4" s="177" t="s">
        <v>122</v>
      </c>
      <c r="K4" s="180" t="s">
        <v>125</v>
      </c>
      <c r="L4" s="180" t="s">
        <v>123</v>
      </c>
      <c r="M4" s="177" t="s">
        <v>122</v>
      </c>
      <c r="N4" s="196" t="s">
        <v>124</v>
      </c>
      <c r="O4" s="180" t="s">
        <v>123</v>
      </c>
      <c r="P4" s="177" t="s">
        <v>122</v>
      </c>
      <c r="Q4" s="176" t="s">
        <v>121</v>
      </c>
    </row>
    <row r="5" spans="1:17" s="403" customFormat="1" ht="12.75" customHeight="1" x14ac:dyDescent="0.15">
      <c r="A5" s="175"/>
      <c r="B5" s="174"/>
      <c r="C5" s="172" t="s">
        <v>119</v>
      </c>
      <c r="D5" s="170" t="s">
        <v>118</v>
      </c>
      <c r="E5" s="172" t="s">
        <v>120</v>
      </c>
      <c r="F5" s="171" t="s">
        <v>119</v>
      </c>
      <c r="G5" s="170" t="s">
        <v>118</v>
      </c>
      <c r="H5" s="172" t="s">
        <v>120</v>
      </c>
      <c r="I5" s="171" t="s">
        <v>119</v>
      </c>
      <c r="J5" s="170" t="s">
        <v>118</v>
      </c>
      <c r="K5" s="171" t="s">
        <v>120</v>
      </c>
      <c r="L5" s="171" t="s">
        <v>119</v>
      </c>
      <c r="M5" s="170" t="s">
        <v>118</v>
      </c>
      <c r="N5" s="195" t="s">
        <v>120</v>
      </c>
      <c r="O5" s="171" t="s">
        <v>119</v>
      </c>
      <c r="P5" s="170" t="s">
        <v>118</v>
      </c>
      <c r="Q5" s="194" t="s">
        <v>120</v>
      </c>
    </row>
    <row r="6" spans="1:17" ht="19.5" customHeight="1" x14ac:dyDescent="0.15">
      <c r="A6" s="168">
        <v>1</v>
      </c>
      <c r="B6" s="152" t="s">
        <v>50</v>
      </c>
      <c r="C6" s="150">
        <v>339725</v>
      </c>
      <c r="D6" s="150">
        <v>19</v>
      </c>
      <c r="E6" s="151">
        <v>1.1599999999999999</v>
      </c>
      <c r="F6" s="150">
        <v>350742</v>
      </c>
      <c r="G6" s="150">
        <v>19</v>
      </c>
      <c r="H6" s="151">
        <v>3.24</v>
      </c>
      <c r="I6" s="148">
        <v>357682</v>
      </c>
      <c r="J6" s="148">
        <v>18</v>
      </c>
      <c r="K6" s="149">
        <v>1.98</v>
      </c>
      <c r="L6" s="148">
        <v>367287</v>
      </c>
      <c r="M6" s="148">
        <v>16</v>
      </c>
      <c r="N6" s="149">
        <v>2.69</v>
      </c>
      <c r="O6" s="148">
        <v>356010</v>
      </c>
      <c r="P6" s="148">
        <v>16</v>
      </c>
      <c r="Q6" s="147">
        <v>-3.07</v>
      </c>
    </row>
    <row r="7" spans="1:17" ht="19.5" customHeight="1" x14ac:dyDescent="0.15">
      <c r="A7" s="153">
        <v>2</v>
      </c>
      <c r="B7" s="152" t="s">
        <v>49</v>
      </c>
      <c r="C7" s="150">
        <v>326780</v>
      </c>
      <c r="D7" s="150">
        <v>24</v>
      </c>
      <c r="E7" s="151">
        <v>1.26</v>
      </c>
      <c r="F7" s="150">
        <v>336579</v>
      </c>
      <c r="G7" s="150">
        <v>23</v>
      </c>
      <c r="H7" s="151">
        <v>3</v>
      </c>
      <c r="I7" s="148">
        <v>341417</v>
      </c>
      <c r="J7" s="148">
        <v>27</v>
      </c>
      <c r="K7" s="149">
        <v>1.44</v>
      </c>
      <c r="L7" s="148">
        <v>350257</v>
      </c>
      <c r="M7" s="148">
        <v>28</v>
      </c>
      <c r="N7" s="149">
        <v>2.59</v>
      </c>
      <c r="O7" s="148">
        <v>341074</v>
      </c>
      <c r="P7" s="148">
        <v>23</v>
      </c>
      <c r="Q7" s="147">
        <v>-2.62</v>
      </c>
    </row>
    <row r="8" spans="1:17" ht="19.5" customHeight="1" x14ac:dyDescent="0.15">
      <c r="A8" s="153">
        <v>3</v>
      </c>
      <c r="B8" s="152" t="s">
        <v>48</v>
      </c>
      <c r="C8" s="150">
        <v>364377</v>
      </c>
      <c r="D8" s="150">
        <v>6</v>
      </c>
      <c r="E8" s="151">
        <v>1.03</v>
      </c>
      <c r="F8" s="150">
        <v>378415</v>
      </c>
      <c r="G8" s="150">
        <v>6</v>
      </c>
      <c r="H8" s="151">
        <v>3.85</v>
      </c>
      <c r="I8" s="148">
        <v>387691</v>
      </c>
      <c r="J8" s="148">
        <v>5</v>
      </c>
      <c r="K8" s="149">
        <v>2.4500000000000002</v>
      </c>
      <c r="L8" s="148">
        <v>390704</v>
      </c>
      <c r="M8" s="148">
        <v>8</v>
      </c>
      <c r="N8" s="149">
        <v>0.78</v>
      </c>
      <c r="O8" s="148">
        <v>375920</v>
      </c>
      <c r="P8" s="148">
        <v>8</v>
      </c>
      <c r="Q8" s="147">
        <v>-3.78</v>
      </c>
    </row>
    <row r="9" spans="1:17" ht="19.5" customHeight="1" x14ac:dyDescent="0.15">
      <c r="A9" s="153">
        <v>4</v>
      </c>
      <c r="B9" s="152" t="s">
        <v>47</v>
      </c>
      <c r="C9" s="150">
        <v>337861</v>
      </c>
      <c r="D9" s="150">
        <v>20</v>
      </c>
      <c r="E9" s="151">
        <v>2.91</v>
      </c>
      <c r="F9" s="150">
        <v>351511</v>
      </c>
      <c r="G9" s="150">
        <v>17</v>
      </c>
      <c r="H9" s="151">
        <v>4.04</v>
      </c>
      <c r="I9" s="148">
        <v>359434</v>
      </c>
      <c r="J9" s="148">
        <v>17</v>
      </c>
      <c r="K9" s="149">
        <v>2.25</v>
      </c>
      <c r="L9" s="148">
        <v>364385</v>
      </c>
      <c r="M9" s="148">
        <v>18</v>
      </c>
      <c r="N9" s="149">
        <v>1.38</v>
      </c>
      <c r="O9" s="148">
        <v>352741</v>
      </c>
      <c r="P9" s="148">
        <v>19</v>
      </c>
      <c r="Q9" s="147">
        <v>-3.2</v>
      </c>
    </row>
    <row r="10" spans="1:17" ht="19.5" customHeight="1" x14ac:dyDescent="0.15">
      <c r="A10" s="153">
        <v>5</v>
      </c>
      <c r="B10" s="152" t="s">
        <v>46</v>
      </c>
      <c r="C10" s="150">
        <v>334301</v>
      </c>
      <c r="D10" s="150">
        <v>21</v>
      </c>
      <c r="E10" s="151">
        <v>-1.6</v>
      </c>
      <c r="F10" s="150">
        <v>341233</v>
      </c>
      <c r="G10" s="150">
        <v>22</v>
      </c>
      <c r="H10" s="151">
        <v>2.0699999999999998</v>
      </c>
      <c r="I10" s="148">
        <v>344610</v>
      </c>
      <c r="J10" s="148">
        <v>23</v>
      </c>
      <c r="K10" s="149">
        <v>0.99</v>
      </c>
      <c r="L10" s="148">
        <v>354867</v>
      </c>
      <c r="M10" s="148">
        <v>23</v>
      </c>
      <c r="N10" s="149">
        <v>2.98</v>
      </c>
      <c r="O10" s="148">
        <v>338026</v>
      </c>
      <c r="P10" s="148">
        <v>28</v>
      </c>
      <c r="Q10" s="147">
        <v>-4.75</v>
      </c>
    </row>
    <row r="11" spans="1:17" ht="19.5" customHeight="1" x14ac:dyDescent="0.15">
      <c r="A11" s="153">
        <v>6</v>
      </c>
      <c r="B11" s="152" t="s">
        <v>45</v>
      </c>
      <c r="C11" s="150">
        <v>322354</v>
      </c>
      <c r="D11" s="150">
        <v>27</v>
      </c>
      <c r="E11" s="151">
        <v>7.0000000000000007E-2</v>
      </c>
      <c r="F11" s="150">
        <v>329757</v>
      </c>
      <c r="G11" s="150">
        <v>29</v>
      </c>
      <c r="H11" s="151">
        <v>2.2999999999999998</v>
      </c>
      <c r="I11" s="148">
        <v>340568</v>
      </c>
      <c r="J11" s="148">
        <v>28</v>
      </c>
      <c r="K11" s="149">
        <v>3.28</v>
      </c>
      <c r="L11" s="148">
        <v>351686</v>
      </c>
      <c r="M11" s="148">
        <v>26</v>
      </c>
      <c r="N11" s="149">
        <v>3.26</v>
      </c>
      <c r="O11" s="148">
        <v>334980</v>
      </c>
      <c r="P11" s="148">
        <v>29</v>
      </c>
      <c r="Q11" s="147">
        <v>-4.75</v>
      </c>
    </row>
    <row r="12" spans="1:17" ht="19.5" customHeight="1" x14ac:dyDescent="0.15">
      <c r="A12" s="153">
        <v>7</v>
      </c>
      <c r="B12" s="152" t="s">
        <v>44</v>
      </c>
      <c r="C12" s="150">
        <v>356004</v>
      </c>
      <c r="D12" s="150">
        <v>9</v>
      </c>
      <c r="E12" s="151">
        <v>-0.19</v>
      </c>
      <c r="F12" s="150">
        <v>372998</v>
      </c>
      <c r="G12" s="150">
        <v>9</v>
      </c>
      <c r="H12" s="151">
        <v>4.7699999999999996</v>
      </c>
      <c r="I12" s="148">
        <v>385528</v>
      </c>
      <c r="J12" s="148">
        <v>6</v>
      </c>
      <c r="K12" s="149">
        <v>3.36</v>
      </c>
      <c r="L12" s="148">
        <v>400743</v>
      </c>
      <c r="M12" s="148">
        <v>5</v>
      </c>
      <c r="N12" s="149">
        <v>3.95</v>
      </c>
      <c r="O12" s="148">
        <v>385066</v>
      </c>
      <c r="P12" s="148">
        <v>4</v>
      </c>
      <c r="Q12" s="147">
        <v>-3.91</v>
      </c>
    </row>
    <row r="13" spans="1:17" ht="19.5" customHeight="1" x14ac:dyDescent="0.15">
      <c r="A13" s="153">
        <v>8</v>
      </c>
      <c r="B13" s="152" t="s">
        <v>43</v>
      </c>
      <c r="C13" s="150">
        <v>322386</v>
      </c>
      <c r="D13" s="150">
        <v>26</v>
      </c>
      <c r="E13" s="151">
        <v>1.24</v>
      </c>
      <c r="F13" s="150">
        <v>332885</v>
      </c>
      <c r="G13" s="150">
        <v>26</v>
      </c>
      <c r="H13" s="151">
        <v>3.26</v>
      </c>
      <c r="I13" s="148">
        <v>336500</v>
      </c>
      <c r="J13" s="148">
        <v>29</v>
      </c>
      <c r="K13" s="149">
        <v>1.0900000000000001</v>
      </c>
      <c r="L13" s="148">
        <v>350746</v>
      </c>
      <c r="M13" s="148">
        <v>27</v>
      </c>
      <c r="N13" s="149">
        <v>4.2300000000000004</v>
      </c>
      <c r="O13" s="148">
        <v>338202</v>
      </c>
      <c r="P13" s="148">
        <v>27</v>
      </c>
      <c r="Q13" s="147">
        <v>-3.58</v>
      </c>
    </row>
    <row r="14" spans="1:17" ht="19.5" customHeight="1" x14ac:dyDescent="0.15">
      <c r="A14" s="153">
        <v>9</v>
      </c>
      <c r="B14" s="152" t="s">
        <v>42</v>
      </c>
      <c r="C14" s="150">
        <v>353730</v>
      </c>
      <c r="D14" s="150">
        <v>10</v>
      </c>
      <c r="E14" s="151">
        <v>0.71</v>
      </c>
      <c r="F14" s="150">
        <v>366843</v>
      </c>
      <c r="G14" s="150">
        <v>11</v>
      </c>
      <c r="H14" s="151">
        <v>3.71</v>
      </c>
      <c r="I14" s="148">
        <v>362587</v>
      </c>
      <c r="J14" s="148">
        <v>11</v>
      </c>
      <c r="K14" s="149">
        <v>-1.1599999999999999</v>
      </c>
      <c r="L14" s="148">
        <v>377351</v>
      </c>
      <c r="M14" s="148">
        <v>12</v>
      </c>
      <c r="N14" s="149">
        <v>4.07</v>
      </c>
      <c r="O14" s="148">
        <v>361233</v>
      </c>
      <c r="P14" s="148">
        <v>14</v>
      </c>
      <c r="Q14" s="147">
        <v>-4.2699999999999996</v>
      </c>
    </row>
    <row r="15" spans="1:17" ht="19.5" customHeight="1" x14ac:dyDescent="0.15">
      <c r="A15" s="153">
        <v>10</v>
      </c>
      <c r="B15" s="152" t="s">
        <v>41</v>
      </c>
      <c r="C15" s="150">
        <v>323291</v>
      </c>
      <c r="D15" s="150">
        <v>25</v>
      </c>
      <c r="E15" s="151">
        <v>1.36</v>
      </c>
      <c r="F15" s="150">
        <v>331897</v>
      </c>
      <c r="G15" s="150">
        <v>27</v>
      </c>
      <c r="H15" s="151">
        <v>2.66</v>
      </c>
      <c r="I15" s="148">
        <v>341850</v>
      </c>
      <c r="J15" s="148">
        <v>25</v>
      </c>
      <c r="K15" s="149">
        <v>3</v>
      </c>
      <c r="L15" s="148">
        <v>352717</v>
      </c>
      <c r="M15" s="148">
        <v>24</v>
      </c>
      <c r="N15" s="149">
        <v>3.18</v>
      </c>
      <c r="O15" s="148">
        <v>341825</v>
      </c>
      <c r="P15" s="148">
        <v>22</v>
      </c>
      <c r="Q15" s="147">
        <v>-3.09</v>
      </c>
    </row>
    <row r="16" spans="1:17" ht="19.5" customHeight="1" x14ac:dyDescent="0.15">
      <c r="A16" s="153">
        <v>11</v>
      </c>
      <c r="B16" s="152" t="s">
        <v>40</v>
      </c>
      <c r="C16" s="150">
        <v>340106</v>
      </c>
      <c r="D16" s="150">
        <v>18</v>
      </c>
      <c r="E16" s="151">
        <v>-2.2599999999999998</v>
      </c>
      <c r="F16" s="150">
        <v>355563</v>
      </c>
      <c r="G16" s="150">
        <v>15</v>
      </c>
      <c r="H16" s="151">
        <v>4.54</v>
      </c>
      <c r="I16" s="148">
        <v>360101</v>
      </c>
      <c r="J16" s="148">
        <v>14</v>
      </c>
      <c r="K16" s="149">
        <v>1.28</v>
      </c>
      <c r="L16" s="148">
        <v>371744</v>
      </c>
      <c r="M16" s="148">
        <v>14</v>
      </c>
      <c r="N16" s="149">
        <v>3.23</v>
      </c>
      <c r="O16" s="148">
        <v>366463</v>
      </c>
      <c r="P16" s="148">
        <v>13</v>
      </c>
      <c r="Q16" s="147">
        <v>-1.42</v>
      </c>
    </row>
    <row r="17" spans="1:17" ht="19.5" customHeight="1" x14ac:dyDescent="0.15">
      <c r="A17" s="153">
        <v>12</v>
      </c>
      <c r="B17" s="152" t="s">
        <v>39</v>
      </c>
      <c r="C17" s="150">
        <v>333733</v>
      </c>
      <c r="D17" s="150">
        <v>22</v>
      </c>
      <c r="E17" s="151">
        <v>2.42</v>
      </c>
      <c r="F17" s="150">
        <v>343811</v>
      </c>
      <c r="G17" s="150">
        <v>21</v>
      </c>
      <c r="H17" s="151">
        <v>3.02</v>
      </c>
      <c r="I17" s="148">
        <v>350336</v>
      </c>
      <c r="J17" s="148">
        <v>21</v>
      </c>
      <c r="K17" s="149">
        <v>1.9</v>
      </c>
      <c r="L17" s="148">
        <v>362478</v>
      </c>
      <c r="M17" s="148">
        <v>20</v>
      </c>
      <c r="N17" s="149">
        <v>3.47</v>
      </c>
      <c r="O17" s="148">
        <v>348831</v>
      </c>
      <c r="P17" s="148">
        <v>20</v>
      </c>
      <c r="Q17" s="147">
        <v>-3.76</v>
      </c>
    </row>
    <row r="18" spans="1:17" ht="19.5" customHeight="1" x14ac:dyDescent="0.15">
      <c r="A18" s="153">
        <v>13</v>
      </c>
      <c r="B18" s="152" t="s">
        <v>38</v>
      </c>
      <c r="C18" s="150">
        <v>328897</v>
      </c>
      <c r="D18" s="150">
        <v>23</v>
      </c>
      <c r="E18" s="151">
        <v>2.46</v>
      </c>
      <c r="F18" s="150">
        <v>331181</v>
      </c>
      <c r="G18" s="150">
        <v>28</v>
      </c>
      <c r="H18" s="151">
        <v>0.69</v>
      </c>
      <c r="I18" s="148">
        <v>341548</v>
      </c>
      <c r="J18" s="148">
        <v>26</v>
      </c>
      <c r="K18" s="149">
        <v>3.13</v>
      </c>
      <c r="L18" s="148">
        <v>351865</v>
      </c>
      <c r="M18" s="148">
        <v>25</v>
      </c>
      <c r="N18" s="149">
        <v>3.02</v>
      </c>
      <c r="O18" s="148">
        <v>338548</v>
      </c>
      <c r="P18" s="148">
        <v>25</v>
      </c>
      <c r="Q18" s="147">
        <v>-3.78</v>
      </c>
    </row>
    <row r="19" spans="1:17" ht="19.5" customHeight="1" x14ac:dyDescent="0.15">
      <c r="A19" s="153">
        <v>14</v>
      </c>
      <c r="B19" s="152" t="s">
        <v>37</v>
      </c>
      <c r="C19" s="150">
        <v>320130</v>
      </c>
      <c r="D19" s="150">
        <v>28</v>
      </c>
      <c r="E19" s="151">
        <v>3.22</v>
      </c>
      <c r="F19" s="150">
        <v>324718</v>
      </c>
      <c r="G19" s="150">
        <v>31</v>
      </c>
      <c r="H19" s="151">
        <v>1.43</v>
      </c>
      <c r="I19" s="148">
        <v>332223</v>
      </c>
      <c r="J19" s="148">
        <v>31</v>
      </c>
      <c r="K19" s="149">
        <v>2.31</v>
      </c>
      <c r="L19" s="148">
        <v>342699</v>
      </c>
      <c r="M19" s="148">
        <v>31</v>
      </c>
      <c r="N19" s="149">
        <v>3.15</v>
      </c>
      <c r="O19" s="148">
        <v>333279</v>
      </c>
      <c r="P19" s="148">
        <v>30</v>
      </c>
      <c r="Q19" s="147">
        <v>-2.75</v>
      </c>
    </row>
    <row r="20" spans="1:17" ht="19.5" customHeight="1" x14ac:dyDescent="0.15">
      <c r="A20" s="153">
        <v>15</v>
      </c>
      <c r="B20" s="152" t="s">
        <v>36</v>
      </c>
      <c r="C20" s="150">
        <v>345892</v>
      </c>
      <c r="D20" s="150">
        <v>14</v>
      </c>
      <c r="E20" s="151">
        <v>1.31</v>
      </c>
      <c r="F20" s="150">
        <v>353027</v>
      </c>
      <c r="G20" s="150">
        <v>16</v>
      </c>
      <c r="H20" s="151">
        <v>2.06</v>
      </c>
      <c r="I20" s="148">
        <v>366687</v>
      </c>
      <c r="J20" s="148">
        <v>10</v>
      </c>
      <c r="K20" s="149">
        <v>3.87</v>
      </c>
      <c r="L20" s="148">
        <v>372100</v>
      </c>
      <c r="M20" s="148">
        <v>13</v>
      </c>
      <c r="N20" s="149">
        <v>1.48</v>
      </c>
      <c r="O20" s="148">
        <v>371843</v>
      </c>
      <c r="P20" s="148">
        <v>11</v>
      </c>
      <c r="Q20" s="147">
        <v>-7.0000000000000007E-2</v>
      </c>
    </row>
    <row r="21" spans="1:17" ht="19.5" customHeight="1" x14ac:dyDescent="0.15">
      <c r="A21" s="153">
        <v>16</v>
      </c>
      <c r="B21" s="152" t="s">
        <v>35</v>
      </c>
      <c r="C21" s="150">
        <v>314926</v>
      </c>
      <c r="D21" s="150">
        <v>31</v>
      </c>
      <c r="E21" s="151">
        <v>2.3199999999999998</v>
      </c>
      <c r="F21" s="150">
        <v>334936</v>
      </c>
      <c r="G21" s="150">
        <v>25</v>
      </c>
      <c r="H21" s="151">
        <v>6.35</v>
      </c>
      <c r="I21" s="148">
        <v>334550</v>
      </c>
      <c r="J21" s="148">
        <v>30</v>
      </c>
      <c r="K21" s="149">
        <v>-0.12</v>
      </c>
      <c r="L21" s="148">
        <v>349561</v>
      </c>
      <c r="M21" s="148">
        <v>29</v>
      </c>
      <c r="N21" s="149">
        <v>4.49</v>
      </c>
      <c r="O21" s="148">
        <v>338473</v>
      </c>
      <c r="P21" s="148">
        <v>26</v>
      </c>
      <c r="Q21" s="147">
        <v>-3.17</v>
      </c>
    </row>
    <row r="22" spans="1:17" ht="19.5" customHeight="1" x14ac:dyDescent="0.15">
      <c r="A22" s="153">
        <v>17</v>
      </c>
      <c r="B22" s="152" t="s">
        <v>34</v>
      </c>
      <c r="C22" s="150">
        <v>317978</v>
      </c>
      <c r="D22" s="150">
        <v>29</v>
      </c>
      <c r="E22" s="151">
        <v>0.41</v>
      </c>
      <c r="F22" s="150">
        <v>329371</v>
      </c>
      <c r="G22" s="150">
        <v>30</v>
      </c>
      <c r="H22" s="151">
        <v>3.58</v>
      </c>
      <c r="I22" s="148">
        <v>341917</v>
      </c>
      <c r="J22" s="148">
        <v>24</v>
      </c>
      <c r="K22" s="149">
        <v>3.81</v>
      </c>
      <c r="L22" s="148">
        <v>348467</v>
      </c>
      <c r="M22" s="148">
        <v>30</v>
      </c>
      <c r="N22" s="149">
        <v>1.92</v>
      </c>
      <c r="O22" s="148">
        <v>333216</v>
      </c>
      <c r="P22" s="148">
        <v>31</v>
      </c>
      <c r="Q22" s="147">
        <v>-4.38</v>
      </c>
    </row>
    <row r="23" spans="1:17" ht="19.5" customHeight="1" x14ac:dyDescent="0.15">
      <c r="A23" s="153">
        <v>18</v>
      </c>
      <c r="B23" s="152" t="s">
        <v>33</v>
      </c>
      <c r="C23" s="150">
        <v>357805</v>
      </c>
      <c r="D23" s="150">
        <v>8</v>
      </c>
      <c r="E23" s="151">
        <v>1.95</v>
      </c>
      <c r="F23" s="150">
        <v>382118</v>
      </c>
      <c r="G23" s="150">
        <v>5</v>
      </c>
      <c r="H23" s="151">
        <v>6.8</v>
      </c>
      <c r="I23" s="148">
        <v>367893</v>
      </c>
      <c r="J23" s="148">
        <v>9</v>
      </c>
      <c r="K23" s="149">
        <v>-3.72</v>
      </c>
      <c r="L23" s="148">
        <v>395852</v>
      </c>
      <c r="M23" s="148">
        <v>7</v>
      </c>
      <c r="N23" s="149">
        <v>7.6</v>
      </c>
      <c r="O23" s="148">
        <v>368566</v>
      </c>
      <c r="P23" s="148">
        <v>12</v>
      </c>
      <c r="Q23" s="147">
        <v>-6.89</v>
      </c>
    </row>
    <row r="24" spans="1:17" ht="19.5" customHeight="1" x14ac:dyDescent="0.15">
      <c r="A24" s="153">
        <v>19</v>
      </c>
      <c r="B24" s="152" t="s">
        <v>32</v>
      </c>
      <c r="C24" s="150">
        <v>303623</v>
      </c>
      <c r="D24" s="150">
        <v>32</v>
      </c>
      <c r="E24" s="151">
        <v>0.9</v>
      </c>
      <c r="F24" s="150">
        <v>314402</v>
      </c>
      <c r="G24" s="150">
        <v>32</v>
      </c>
      <c r="H24" s="151">
        <v>3.55</v>
      </c>
      <c r="I24" s="148">
        <v>310547</v>
      </c>
      <c r="J24" s="148">
        <v>33</v>
      </c>
      <c r="K24" s="149">
        <v>-1.23</v>
      </c>
      <c r="L24" s="148">
        <v>329019</v>
      </c>
      <c r="M24" s="148">
        <v>33</v>
      </c>
      <c r="N24" s="149">
        <v>5.95</v>
      </c>
      <c r="O24" s="148">
        <v>315780</v>
      </c>
      <c r="P24" s="148">
        <v>32</v>
      </c>
      <c r="Q24" s="147">
        <v>-4.0199999999999996</v>
      </c>
    </row>
    <row r="25" spans="1:17" ht="19.5" customHeight="1" x14ac:dyDescent="0.15">
      <c r="A25" s="153">
        <v>20</v>
      </c>
      <c r="B25" s="152" t="s">
        <v>31</v>
      </c>
      <c r="C25" s="150">
        <v>343078</v>
      </c>
      <c r="D25" s="150">
        <v>16</v>
      </c>
      <c r="E25" s="151">
        <v>-1.57</v>
      </c>
      <c r="F25" s="150">
        <v>360456</v>
      </c>
      <c r="G25" s="150">
        <v>13</v>
      </c>
      <c r="H25" s="151">
        <v>5.07</v>
      </c>
      <c r="I25" s="148">
        <v>357606</v>
      </c>
      <c r="J25" s="148">
        <v>19</v>
      </c>
      <c r="K25" s="149">
        <v>-0.79</v>
      </c>
      <c r="L25" s="148">
        <v>357045</v>
      </c>
      <c r="M25" s="148">
        <v>21</v>
      </c>
      <c r="N25" s="149">
        <v>-0.16</v>
      </c>
      <c r="O25" s="148">
        <v>355177</v>
      </c>
      <c r="P25" s="148">
        <v>18</v>
      </c>
      <c r="Q25" s="147">
        <v>-0.52</v>
      </c>
    </row>
    <row r="26" spans="1:17" ht="19.5" customHeight="1" x14ac:dyDescent="0.15">
      <c r="A26" s="153">
        <v>21</v>
      </c>
      <c r="B26" s="152" t="s">
        <v>30</v>
      </c>
      <c r="C26" s="150">
        <v>317846</v>
      </c>
      <c r="D26" s="150">
        <v>30</v>
      </c>
      <c r="E26" s="151">
        <v>2.0699999999999998</v>
      </c>
      <c r="F26" s="150">
        <v>335926</v>
      </c>
      <c r="G26" s="150">
        <v>24</v>
      </c>
      <c r="H26" s="151">
        <v>5.69</v>
      </c>
      <c r="I26" s="148">
        <v>345090</v>
      </c>
      <c r="J26" s="148">
        <v>22</v>
      </c>
      <c r="K26" s="149">
        <v>2.73</v>
      </c>
      <c r="L26" s="148">
        <v>355184</v>
      </c>
      <c r="M26" s="148">
        <v>22</v>
      </c>
      <c r="N26" s="149">
        <v>2.93</v>
      </c>
      <c r="O26" s="148">
        <v>340549</v>
      </c>
      <c r="P26" s="148">
        <v>24</v>
      </c>
      <c r="Q26" s="147">
        <v>-4.12</v>
      </c>
    </row>
    <row r="27" spans="1:17" ht="19.5" customHeight="1" x14ac:dyDescent="0.15">
      <c r="A27" s="153">
        <v>22</v>
      </c>
      <c r="B27" s="152" t="s">
        <v>29</v>
      </c>
      <c r="C27" s="150">
        <v>346643</v>
      </c>
      <c r="D27" s="150">
        <v>13</v>
      </c>
      <c r="E27" s="151">
        <v>-0.05</v>
      </c>
      <c r="F27" s="150">
        <v>355634</v>
      </c>
      <c r="G27" s="150">
        <v>14</v>
      </c>
      <c r="H27" s="151">
        <v>2.59</v>
      </c>
      <c r="I27" s="148">
        <v>376425</v>
      </c>
      <c r="J27" s="148">
        <v>7</v>
      </c>
      <c r="K27" s="149">
        <v>5.85</v>
      </c>
      <c r="L27" s="148">
        <v>381723</v>
      </c>
      <c r="M27" s="148">
        <v>9</v>
      </c>
      <c r="N27" s="149">
        <v>1.41</v>
      </c>
      <c r="O27" s="148">
        <v>375550</v>
      </c>
      <c r="P27" s="148">
        <v>10</v>
      </c>
      <c r="Q27" s="147">
        <v>-1.62</v>
      </c>
    </row>
    <row r="28" spans="1:17" ht="19.5" customHeight="1" x14ac:dyDescent="0.15">
      <c r="A28" s="153">
        <v>23</v>
      </c>
      <c r="B28" s="152" t="s">
        <v>28</v>
      </c>
      <c r="C28" s="150">
        <v>359877</v>
      </c>
      <c r="D28" s="150">
        <v>7</v>
      </c>
      <c r="E28" s="151">
        <v>-0.31</v>
      </c>
      <c r="F28" s="150">
        <v>376282</v>
      </c>
      <c r="G28" s="150">
        <v>7</v>
      </c>
      <c r="H28" s="151">
        <v>4.5599999999999996</v>
      </c>
      <c r="I28" s="148">
        <v>359710</v>
      </c>
      <c r="J28" s="148">
        <v>15</v>
      </c>
      <c r="K28" s="149">
        <v>-4.4000000000000004</v>
      </c>
      <c r="L28" s="148">
        <v>370452</v>
      </c>
      <c r="M28" s="148">
        <v>15</v>
      </c>
      <c r="N28" s="149">
        <v>2.99</v>
      </c>
      <c r="O28" s="148">
        <v>345228</v>
      </c>
      <c r="P28" s="148">
        <v>21</v>
      </c>
      <c r="Q28" s="147">
        <v>-6.81</v>
      </c>
    </row>
    <row r="29" spans="1:17" ht="19.5" customHeight="1" x14ac:dyDescent="0.15">
      <c r="A29" s="153">
        <v>24</v>
      </c>
      <c r="B29" s="152" t="s">
        <v>27</v>
      </c>
      <c r="C29" s="150">
        <v>345035</v>
      </c>
      <c r="D29" s="150">
        <v>15</v>
      </c>
      <c r="E29" s="151">
        <v>1.1599999999999999</v>
      </c>
      <c r="F29" s="150">
        <v>382804</v>
      </c>
      <c r="G29" s="150">
        <v>4</v>
      </c>
      <c r="H29" s="151">
        <v>10.95</v>
      </c>
      <c r="I29" s="148">
        <v>360347</v>
      </c>
      <c r="J29" s="148">
        <v>13</v>
      </c>
      <c r="K29" s="149">
        <v>-5.87</v>
      </c>
      <c r="L29" s="148">
        <v>399533</v>
      </c>
      <c r="M29" s="148">
        <v>6</v>
      </c>
      <c r="N29" s="149">
        <v>10.87</v>
      </c>
      <c r="O29" s="148">
        <v>378170</v>
      </c>
      <c r="P29" s="148">
        <v>7</v>
      </c>
      <c r="Q29" s="147">
        <v>-5.35</v>
      </c>
    </row>
    <row r="30" spans="1:17" ht="19.5" customHeight="1" x14ac:dyDescent="0.15">
      <c r="A30" s="153">
        <v>25</v>
      </c>
      <c r="B30" s="152" t="s">
        <v>26</v>
      </c>
      <c r="C30" s="150">
        <v>295246</v>
      </c>
      <c r="D30" s="150">
        <v>33</v>
      </c>
      <c r="E30" s="151">
        <v>-2.11</v>
      </c>
      <c r="F30" s="150">
        <v>306454</v>
      </c>
      <c r="G30" s="150">
        <v>33</v>
      </c>
      <c r="H30" s="151">
        <v>3.8</v>
      </c>
      <c r="I30" s="148">
        <v>315170</v>
      </c>
      <c r="J30" s="148">
        <v>32</v>
      </c>
      <c r="K30" s="149">
        <v>2.84</v>
      </c>
      <c r="L30" s="148">
        <v>333819</v>
      </c>
      <c r="M30" s="148">
        <v>32</v>
      </c>
      <c r="N30" s="149">
        <v>5.92</v>
      </c>
      <c r="O30" s="148">
        <v>300854</v>
      </c>
      <c r="P30" s="148">
        <v>33</v>
      </c>
      <c r="Q30" s="147">
        <v>-9.8800000000000008</v>
      </c>
    </row>
    <row r="31" spans="1:17" ht="19.5" customHeight="1" x14ac:dyDescent="0.15">
      <c r="A31" s="153">
        <v>26</v>
      </c>
      <c r="B31" s="152" t="s">
        <v>25</v>
      </c>
      <c r="C31" s="150">
        <v>389494</v>
      </c>
      <c r="D31" s="150">
        <v>2</v>
      </c>
      <c r="E31" s="151">
        <v>2.37</v>
      </c>
      <c r="F31" s="150">
        <v>406850</v>
      </c>
      <c r="G31" s="150">
        <v>2</v>
      </c>
      <c r="H31" s="151">
        <v>4.46</v>
      </c>
      <c r="I31" s="148">
        <v>422534</v>
      </c>
      <c r="J31" s="148">
        <v>3</v>
      </c>
      <c r="K31" s="149">
        <v>3.85</v>
      </c>
      <c r="L31" s="148">
        <v>405542</v>
      </c>
      <c r="M31" s="148">
        <v>4</v>
      </c>
      <c r="N31" s="149">
        <v>-4.0199999999999996</v>
      </c>
      <c r="O31" s="148">
        <v>379868</v>
      </c>
      <c r="P31" s="148">
        <v>6</v>
      </c>
      <c r="Q31" s="147">
        <v>-6.33</v>
      </c>
    </row>
    <row r="32" spans="1:17" ht="19.5" customHeight="1" x14ac:dyDescent="0.15">
      <c r="A32" s="153">
        <v>27</v>
      </c>
      <c r="B32" s="152" t="s">
        <v>24</v>
      </c>
      <c r="C32" s="150">
        <v>420046</v>
      </c>
      <c r="D32" s="150">
        <v>1</v>
      </c>
      <c r="E32" s="151">
        <v>9.83</v>
      </c>
      <c r="F32" s="150">
        <v>407901</v>
      </c>
      <c r="G32" s="150">
        <v>1</v>
      </c>
      <c r="H32" s="151">
        <v>-2.89</v>
      </c>
      <c r="I32" s="148">
        <v>443302</v>
      </c>
      <c r="J32" s="148">
        <v>1</v>
      </c>
      <c r="K32" s="149">
        <v>8.68</v>
      </c>
      <c r="L32" s="148">
        <v>452935</v>
      </c>
      <c r="M32" s="148">
        <v>1</v>
      </c>
      <c r="N32" s="149">
        <v>2.17</v>
      </c>
      <c r="O32" s="148">
        <v>440405</v>
      </c>
      <c r="P32" s="148">
        <v>1</v>
      </c>
      <c r="Q32" s="147">
        <v>-2.77</v>
      </c>
    </row>
    <row r="33" spans="1:17" ht="19.5" customHeight="1" x14ac:dyDescent="0.15">
      <c r="A33" s="153">
        <v>28</v>
      </c>
      <c r="B33" s="152" t="s">
        <v>23</v>
      </c>
      <c r="C33" s="150">
        <v>382646</v>
      </c>
      <c r="D33" s="150">
        <v>4</v>
      </c>
      <c r="E33" s="151">
        <v>16.95</v>
      </c>
      <c r="F33" s="150">
        <v>399533</v>
      </c>
      <c r="G33" s="150">
        <v>3</v>
      </c>
      <c r="H33" s="151">
        <v>4.41</v>
      </c>
      <c r="I33" s="148">
        <v>392364</v>
      </c>
      <c r="J33" s="148">
        <v>4</v>
      </c>
      <c r="K33" s="149">
        <v>-1.79</v>
      </c>
      <c r="L33" s="148">
        <v>408134</v>
      </c>
      <c r="M33" s="148">
        <v>3</v>
      </c>
      <c r="N33" s="149">
        <v>4.0199999999999996</v>
      </c>
      <c r="O33" s="148">
        <v>382353</v>
      </c>
      <c r="P33" s="148">
        <v>5</v>
      </c>
      <c r="Q33" s="147">
        <v>-6.32</v>
      </c>
    </row>
    <row r="34" spans="1:17" ht="19.5" customHeight="1" x14ac:dyDescent="0.15">
      <c r="A34" s="153">
        <v>29</v>
      </c>
      <c r="B34" s="152" t="s">
        <v>22</v>
      </c>
      <c r="C34" s="150">
        <v>352259</v>
      </c>
      <c r="D34" s="150">
        <v>11</v>
      </c>
      <c r="E34" s="151">
        <v>-6.8</v>
      </c>
      <c r="F34" s="150">
        <v>365536</v>
      </c>
      <c r="G34" s="150">
        <v>12</v>
      </c>
      <c r="H34" s="151">
        <v>3.77</v>
      </c>
      <c r="I34" s="148">
        <v>359530</v>
      </c>
      <c r="J34" s="148">
        <v>16</v>
      </c>
      <c r="K34" s="149">
        <v>-1.64</v>
      </c>
      <c r="L34" s="148">
        <v>366367</v>
      </c>
      <c r="M34" s="148">
        <v>17</v>
      </c>
      <c r="N34" s="149">
        <v>1.9</v>
      </c>
      <c r="O34" s="148">
        <v>375692</v>
      </c>
      <c r="P34" s="148">
        <v>9</v>
      </c>
      <c r="Q34" s="147">
        <v>2.5499999999999998</v>
      </c>
    </row>
    <row r="35" spans="1:17" ht="19.5" customHeight="1" x14ac:dyDescent="0.15">
      <c r="A35" s="153">
        <v>30</v>
      </c>
      <c r="B35" s="152" t="s">
        <v>21</v>
      </c>
      <c r="C35" s="150">
        <v>388489</v>
      </c>
      <c r="D35" s="150">
        <v>3</v>
      </c>
      <c r="E35" s="151">
        <v>0.85</v>
      </c>
      <c r="F35" s="150">
        <v>375169</v>
      </c>
      <c r="G35" s="150">
        <v>8</v>
      </c>
      <c r="H35" s="151">
        <v>-3.43</v>
      </c>
      <c r="I35" s="148">
        <v>425027</v>
      </c>
      <c r="J35" s="148">
        <v>2</v>
      </c>
      <c r="K35" s="149">
        <v>13.29</v>
      </c>
      <c r="L35" s="148">
        <v>422771</v>
      </c>
      <c r="M35" s="148">
        <v>2</v>
      </c>
      <c r="N35" s="149">
        <v>-0.53</v>
      </c>
      <c r="O35" s="148">
        <v>389239</v>
      </c>
      <c r="P35" s="148">
        <v>2</v>
      </c>
      <c r="Q35" s="147">
        <v>-7.93</v>
      </c>
    </row>
    <row r="36" spans="1:17" ht="19.5" customHeight="1" x14ac:dyDescent="0.15">
      <c r="A36" s="153">
        <v>31</v>
      </c>
      <c r="B36" s="152" t="s">
        <v>20</v>
      </c>
      <c r="C36" s="150">
        <v>351934</v>
      </c>
      <c r="D36" s="150">
        <v>12</v>
      </c>
      <c r="E36" s="151">
        <v>4.3899999999999997</v>
      </c>
      <c r="F36" s="150">
        <v>366982</v>
      </c>
      <c r="G36" s="150">
        <v>10</v>
      </c>
      <c r="H36" s="151">
        <v>4.28</v>
      </c>
      <c r="I36" s="148">
        <v>355354</v>
      </c>
      <c r="J36" s="148">
        <v>20</v>
      </c>
      <c r="K36" s="149">
        <v>-3.17</v>
      </c>
      <c r="L36" s="148">
        <v>380440</v>
      </c>
      <c r="M36" s="148">
        <v>10</v>
      </c>
      <c r="N36" s="149">
        <v>7.06</v>
      </c>
      <c r="O36" s="148">
        <v>355820</v>
      </c>
      <c r="P36" s="148">
        <v>17</v>
      </c>
      <c r="Q36" s="147">
        <v>-6.47</v>
      </c>
    </row>
    <row r="37" spans="1:17" ht="19.5" customHeight="1" x14ac:dyDescent="0.15">
      <c r="A37" s="153">
        <v>32</v>
      </c>
      <c r="B37" s="152" t="s">
        <v>19</v>
      </c>
      <c r="C37" s="150">
        <v>342557</v>
      </c>
      <c r="D37" s="150">
        <v>17</v>
      </c>
      <c r="E37" s="151">
        <v>0.59</v>
      </c>
      <c r="F37" s="150">
        <v>344821</v>
      </c>
      <c r="G37" s="150">
        <v>20</v>
      </c>
      <c r="H37" s="151">
        <v>0.66</v>
      </c>
      <c r="I37" s="148">
        <v>361014</v>
      </c>
      <c r="J37" s="148">
        <v>12</v>
      </c>
      <c r="K37" s="149">
        <v>4.7</v>
      </c>
      <c r="L37" s="148">
        <v>378557</v>
      </c>
      <c r="M37" s="148">
        <v>11</v>
      </c>
      <c r="N37" s="149">
        <v>4.8600000000000003</v>
      </c>
      <c r="O37" s="148">
        <v>360281</v>
      </c>
      <c r="P37" s="148">
        <v>15</v>
      </c>
      <c r="Q37" s="147">
        <v>-4.83</v>
      </c>
    </row>
    <row r="38" spans="1:17" ht="19.5" customHeight="1" thickBot="1" x14ac:dyDescent="0.2">
      <c r="A38" s="146">
        <v>33</v>
      </c>
      <c r="B38" s="145" t="s">
        <v>18</v>
      </c>
      <c r="C38" s="143">
        <v>366083</v>
      </c>
      <c r="D38" s="143">
        <v>5</v>
      </c>
      <c r="E38" s="144">
        <v>2.81</v>
      </c>
      <c r="F38" s="143">
        <v>351362</v>
      </c>
      <c r="G38" s="143">
        <v>18</v>
      </c>
      <c r="H38" s="144">
        <v>-4.0199999999999996</v>
      </c>
      <c r="I38" s="140">
        <v>373972</v>
      </c>
      <c r="J38" s="140">
        <v>8</v>
      </c>
      <c r="K38" s="142">
        <v>6.43</v>
      </c>
      <c r="L38" s="140">
        <v>363758</v>
      </c>
      <c r="M38" s="140">
        <v>19</v>
      </c>
      <c r="N38" s="142">
        <v>-2.73</v>
      </c>
      <c r="O38" s="140">
        <v>386916</v>
      </c>
      <c r="P38" s="140">
        <v>3</v>
      </c>
      <c r="Q38" s="139">
        <v>6.37</v>
      </c>
    </row>
    <row r="39" spans="1:17" ht="19.5" hidden="1" customHeight="1" thickTop="1" x14ac:dyDescent="0.15">
      <c r="A39" s="167">
        <v>34</v>
      </c>
      <c r="B39" s="166" t="s">
        <v>116</v>
      </c>
      <c r="C39" s="193" t="s">
        <v>86</v>
      </c>
      <c r="D39" s="193" t="s">
        <v>86</v>
      </c>
      <c r="E39" s="192" t="e">
        <v>#VALUE!</v>
      </c>
      <c r="F39" s="193" t="s">
        <v>86</v>
      </c>
      <c r="G39" s="193" t="s">
        <v>86</v>
      </c>
      <c r="H39" s="192" t="e">
        <v>#VALUE!</v>
      </c>
      <c r="I39" s="134" t="s">
        <v>86</v>
      </c>
      <c r="J39" s="134" t="s">
        <v>86</v>
      </c>
      <c r="K39" s="130" t="e">
        <v>#VALUE!</v>
      </c>
      <c r="L39" s="134" t="s">
        <v>86</v>
      </c>
      <c r="M39" s="134" t="s">
        <v>86</v>
      </c>
      <c r="N39" s="130" t="e">
        <v>#VALUE!</v>
      </c>
      <c r="O39" s="191" t="s">
        <v>113</v>
      </c>
      <c r="P39" s="191" t="s">
        <v>113</v>
      </c>
      <c r="Q39" s="127" t="e">
        <v>#VALUE!</v>
      </c>
    </row>
    <row r="40" spans="1:17" ht="19.5" hidden="1" customHeight="1" x14ac:dyDescent="0.15">
      <c r="A40" s="167">
        <v>35</v>
      </c>
      <c r="B40" s="166" t="s">
        <v>115</v>
      </c>
      <c r="C40" s="193" t="s">
        <v>86</v>
      </c>
      <c r="D40" s="193" t="s">
        <v>86</v>
      </c>
      <c r="E40" s="192" t="e">
        <v>#VALUE!</v>
      </c>
      <c r="F40" s="193" t="s">
        <v>86</v>
      </c>
      <c r="G40" s="193" t="s">
        <v>86</v>
      </c>
      <c r="H40" s="192" t="e">
        <v>#VALUE!</v>
      </c>
      <c r="I40" s="134" t="s">
        <v>86</v>
      </c>
      <c r="J40" s="134" t="s">
        <v>86</v>
      </c>
      <c r="K40" s="130" t="e">
        <v>#VALUE!</v>
      </c>
      <c r="L40" s="134" t="s">
        <v>86</v>
      </c>
      <c r="M40" s="134" t="s">
        <v>86</v>
      </c>
      <c r="N40" s="130" t="e">
        <v>#VALUE!</v>
      </c>
      <c r="O40" s="191" t="s">
        <v>113</v>
      </c>
      <c r="P40" s="191" t="s">
        <v>113</v>
      </c>
      <c r="Q40" s="127" t="e">
        <v>#VALUE!</v>
      </c>
    </row>
    <row r="41" spans="1:17" ht="19.5" hidden="1" customHeight="1" x14ac:dyDescent="0.15">
      <c r="A41" s="167">
        <v>36</v>
      </c>
      <c r="B41" s="166" t="s">
        <v>114</v>
      </c>
      <c r="C41" s="193" t="s">
        <v>86</v>
      </c>
      <c r="D41" s="193" t="s">
        <v>86</v>
      </c>
      <c r="E41" s="192" t="e">
        <v>#VALUE!</v>
      </c>
      <c r="F41" s="193" t="s">
        <v>86</v>
      </c>
      <c r="G41" s="193" t="s">
        <v>86</v>
      </c>
      <c r="H41" s="192" t="e">
        <v>#VALUE!</v>
      </c>
      <c r="I41" s="134" t="s">
        <v>86</v>
      </c>
      <c r="J41" s="134" t="s">
        <v>86</v>
      </c>
      <c r="K41" s="130" t="e">
        <v>#VALUE!</v>
      </c>
      <c r="L41" s="134" t="s">
        <v>86</v>
      </c>
      <c r="M41" s="134" t="s">
        <v>86</v>
      </c>
      <c r="N41" s="130" t="e">
        <v>#VALUE!</v>
      </c>
      <c r="O41" s="191" t="s">
        <v>135</v>
      </c>
      <c r="P41" s="191" t="s">
        <v>113</v>
      </c>
      <c r="Q41" s="127" t="e">
        <v>#VALUE!</v>
      </c>
    </row>
    <row r="42" spans="1:17" ht="19.5" hidden="1" customHeight="1" thickBot="1" x14ac:dyDescent="0.2">
      <c r="A42" s="167">
        <v>37</v>
      </c>
      <c r="B42" s="166" t="s">
        <v>112</v>
      </c>
      <c r="C42" s="193" t="s">
        <v>86</v>
      </c>
      <c r="D42" s="193" t="s">
        <v>86</v>
      </c>
      <c r="E42" s="192" t="e">
        <v>#VALUE!</v>
      </c>
      <c r="F42" s="193" t="s">
        <v>86</v>
      </c>
      <c r="G42" s="193" t="s">
        <v>86</v>
      </c>
      <c r="H42" s="192" t="e">
        <v>#VALUE!</v>
      </c>
      <c r="I42" s="134" t="s">
        <v>86</v>
      </c>
      <c r="J42" s="134" t="s">
        <v>86</v>
      </c>
      <c r="K42" s="130" t="e">
        <v>#VALUE!</v>
      </c>
      <c r="L42" s="134" t="s">
        <v>86</v>
      </c>
      <c r="M42" s="134" t="s">
        <v>86</v>
      </c>
      <c r="N42" s="130" t="e">
        <v>#VALUE!</v>
      </c>
      <c r="O42" s="191" t="s">
        <v>113</v>
      </c>
      <c r="P42" s="191" t="s">
        <v>113</v>
      </c>
      <c r="Q42" s="127" t="e">
        <v>#VALUE!</v>
      </c>
    </row>
    <row r="43" spans="1:17" ht="19.5" customHeight="1" thickTop="1" x14ac:dyDescent="0.15">
      <c r="A43" s="161">
        <v>301</v>
      </c>
      <c r="B43" s="160" t="s">
        <v>110</v>
      </c>
      <c r="C43" s="158">
        <v>184745</v>
      </c>
      <c r="D43" s="158">
        <v>5</v>
      </c>
      <c r="E43" s="159">
        <v>2.1</v>
      </c>
      <c r="F43" s="158">
        <v>195328</v>
      </c>
      <c r="G43" s="158">
        <v>3</v>
      </c>
      <c r="H43" s="159">
        <v>5.73</v>
      </c>
      <c r="I43" s="155">
        <v>204777</v>
      </c>
      <c r="J43" s="155">
        <v>2</v>
      </c>
      <c r="K43" s="157">
        <v>4.84</v>
      </c>
      <c r="L43" s="155">
        <v>212763</v>
      </c>
      <c r="M43" s="155">
        <v>2</v>
      </c>
      <c r="N43" s="157">
        <v>3.9</v>
      </c>
      <c r="O43" s="155">
        <v>195945</v>
      </c>
      <c r="P43" s="155">
        <v>2</v>
      </c>
      <c r="Q43" s="154">
        <v>-7.9</v>
      </c>
    </row>
    <row r="44" spans="1:17" ht="19.5" customHeight="1" x14ac:dyDescent="0.15">
      <c r="A44" s="153">
        <v>302</v>
      </c>
      <c r="B44" s="152" t="s">
        <v>109</v>
      </c>
      <c r="C44" s="150">
        <v>158702</v>
      </c>
      <c r="D44" s="150">
        <v>6</v>
      </c>
      <c r="E44" s="151">
        <v>-5.25</v>
      </c>
      <c r="F44" s="150">
        <v>163665</v>
      </c>
      <c r="G44" s="150">
        <v>6</v>
      </c>
      <c r="H44" s="151">
        <v>3.13</v>
      </c>
      <c r="I44" s="148">
        <v>204777</v>
      </c>
      <c r="J44" s="148">
        <v>2</v>
      </c>
      <c r="K44" s="149">
        <v>25.12</v>
      </c>
      <c r="L44" s="148">
        <v>212763</v>
      </c>
      <c r="M44" s="148">
        <v>2</v>
      </c>
      <c r="N44" s="149">
        <v>3.9</v>
      </c>
      <c r="O44" s="148">
        <v>164470</v>
      </c>
      <c r="P44" s="148">
        <v>6</v>
      </c>
      <c r="Q44" s="147">
        <v>-22.7</v>
      </c>
    </row>
    <row r="45" spans="1:17" ht="19.5" customHeight="1" x14ac:dyDescent="0.15">
      <c r="A45" s="153">
        <v>303</v>
      </c>
      <c r="B45" s="152" t="s">
        <v>108</v>
      </c>
      <c r="C45" s="150">
        <v>242798</v>
      </c>
      <c r="D45" s="150">
        <v>1</v>
      </c>
      <c r="E45" s="151">
        <v>-5.32</v>
      </c>
      <c r="F45" s="150">
        <v>242506</v>
      </c>
      <c r="G45" s="150">
        <v>1</v>
      </c>
      <c r="H45" s="151">
        <v>-0.12</v>
      </c>
      <c r="I45" s="148">
        <v>168352</v>
      </c>
      <c r="J45" s="148">
        <v>6</v>
      </c>
      <c r="K45" s="149">
        <v>-30.58</v>
      </c>
      <c r="L45" s="148">
        <v>171686</v>
      </c>
      <c r="M45" s="148">
        <v>6</v>
      </c>
      <c r="N45" s="149">
        <v>1.98</v>
      </c>
      <c r="O45" s="148">
        <v>236406</v>
      </c>
      <c r="P45" s="148">
        <v>1</v>
      </c>
      <c r="Q45" s="147">
        <v>37.700000000000003</v>
      </c>
    </row>
    <row r="46" spans="1:17" ht="19.5" customHeight="1" x14ac:dyDescent="0.15">
      <c r="A46" s="153">
        <v>304</v>
      </c>
      <c r="B46" s="152" t="s">
        <v>107</v>
      </c>
      <c r="C46" s="150">
        <v>190350</v>
      </c>
      <c r="D46" s="150">
        <v>4</v>
      </c>
      <c r="E46" s="151">
        <v>-0.83</v>
      </c>
      <c r="F46" s="150">
        <v>187551</v>
      </c>
      <c r="G46" s="150">
        <v>5</v>
      </c>
      <c r="H46" s="151">
        <v>-1.47</v>
      </c>
      <c r="I46" s="148">
        <v>246561</v>
      </c>
      <c r="J46" s="148">
        <v>1</v>
      </c>
      <c r="K46" s="149">
        <v>31.46</v>
      </c>
      <c r="L46" s="148">
        <v>257090</v>
      </c>
      <c r="M46" s="148">
        <v>1</v>
      </c>
      <c r="N46" s="149">
        <v>4.2699999999999996</v>
      </c>
      <c r="O46" s="148">
        <v>187498</v>
      </c>
      <c r="P46" s="148">
        <v>5</v>
      </c>
      <c r="Q46" s="147">
        <v>-27.07</v>
      </c>
    </row>
    <row r="47" spans="1:17" ht="19.5" customHeight="1" x14ac:dyDescent="0.15">
      <c r="A47" s="153">
        <v>305</v>
      </c>
      <c r="B47" s="152" t="s">
        <v>106</v>
      </c>
      <c r="C47" s="150">
        <v>191763</v>
      </c>
      <c r="D47" s="150">
        <v>3</v>
      </c>
      <c r="E47" s="151">
        <v>-3.82</v>
      </c>
      <c r="F47" s="150">
        <v>189146</v>
      </c>
      <c r="G47" s="150">
        <v>4</v>
      </c>
      <c r="H47" s="151">
        <v>-1.36</v>
      </c>
      <c r="I47" s="148">
        <v>182626</v>
      </c>
      <c r="J47" s="148">
        <v>5</v>
      </c>
      <c r="K47" s="149">
        <v>-3.45</v>
      </c>
      <c r="L47" s="148">
        <v>201062</v>
      </c>
      <c r="M47" s="148">
        <v>4</v>
      </c>
      <c r="N47" s="149">
        <v>10.09</v>
      </c>
      <c r="O47" s="148">
        <v>187782</v>
      </c>
      <c r="P47" s="148">
        <v>4</v>
      </c>
      <c r="Q47" s="147">
        <v>-6.6</v>
      </c>
    </row>
    <row r="48" spans="1:17" ht="19.5" customHeight="1" thickBot="1" x14ac:dyDescent="0.2">
      <c r="A48" s="146">
        <v>306</v>
      </c>
      <c r="B48" s="145" t="s">
        <v>105</v>
      </c>
      <c r="C48" s="143">
        <v>201184</v>
      </c>
      <c r="D48" s="143">
        <v>2</v>
      </c>
      <c r="E48" s="144">
        <v>-1.82</v>
      </c>
      <c r="F48" s="143">
        <v>198497</v>
      </c>
      <c r="G48" s="143">
        <v>2</v>
      </c>
      <c r="H48" s="144">
        <v>-1.34</v>
      </c>
      <c r="I48" s="140">
        <v>191391</v>
      </c>
      <c r="J48" s="140">
        <v>4</v>
      </c>
      <c r="K48" s="142">
        <v>-3.58</v>
      </c>
      <c r="L48" s="140">
        <v>198808</v>
      </c>
      <c r="M48" s="140">
        <v>5</v>
      </c>
      <c r="N48" s="142">
        <v>3.88</v>
      </c>
      <c r="O48" s="140">
        <v>188810</v>
      </c>
      <c r="P48" s="140">
        <v>3</v>
      </c>
      <c r="Q48" s="139">
        <v>-5.03</v>
      </c>
    </row>
    <row r="49" spans="1:17" ht="19.5" customHeight="1" thickTop="1" thickBot="1" x14ac:dyDescent="0.2">
      <c r="A49" s="138" t="s">
        <v>6</v>
      </c>
      <c r="B49" s="137"/>
      <c r="C49" s="132">
        <v>335239</v>
      </c>
      <c r="D49" s="132"/>
      <c r="E49" s="133">
        <v>1.21</v>
      </c>
      <c r="F49" s="132">
        <v>345823</v>
      </c>
      <c r="G49" s="132"/>
      <c r="H49" s="133">
        <v>3.16</v>
      </c>
      <c r="I49" s="134">
        <v>352876</v>
      </c>
      <c r="J49" s="134"/>
      <c r="K49" s="130">
        <v>2.04</v>
      </c>
      <c r="L49" s="134">
        <v>362626</v>
      </c>
      <c r="M49" s="134"/>
      <c r="N49" s="130">
        <v>2.76</v>
      </c>
      <c r="O49" s="134">
        <v>350724</v>
      </c>
      <c r="P49" s="191"/>
      <c r="Q49" s="127">
        <v>-3.28</v>
      </c>
    </row>
    <row r="50" spans="1:17" ht="19.5" customHeight="1" thickTop="1" thickBot="1" x14ac:dyDescent="0.2">
      <c r="A50" s="138" t="s">
        <v>134</v>
      </c>
      <c r="B50" s="137"/>
      <c r="C50" s="132">
        <v>199231</v>
      </c>
      <c r="D50" s="132"/>
      <c r="E50" s="133">
        <v>-2.62</v>
      </c>
      <c r="F50" s="132">
        <v>198483</v>
      </c>
      <c r="G50" s="132"/>
      <c r="H50" s="133">
        <v>-0.38</v>
      </c>
      <c r="I50" s="134">
        <v>199105</v>
      </c>
      <c r="J50" s="134"/>
      <c r="K50" s="130">
        <v>0.31</v>
      </c>
      <c r="L50" s="134">
        <v>204797</v>
      </c>
      <c r="M50" s="134"/>
      <c r="N50" s="130">
        <v>2.86</v>
      </c>
      <c r="O50" s="134">
        <v>191155</v>
      </c>
      <c r="P50" s="191"/>
      <c r="Q50" s="127">
        <v>-6.66</v>
      </c>
    </row>
    <row r="51" spans="1:17" ht="19.5" customHeight="1" thickTop="1" thickBot="1" x14ac:dyDescent="0.2">
      <c r="A51" s="126" t="s">
        <v>133</v>
      </c>
      <c r="B51" s="125"/>
      <c r="C51" s="120">
        <v>326512</v>
      </c>
      <c r="D51" s="120"/>
      <c r="E51" s="121">
        <v>1.0900000000000001</v>
      </c>
      <c r="F51" s="120">
        <v>336110</v>
      </c>
      <c r="G51" s="120"/>
      <c r="H51" s="121">
        <v>2.94</v>
      </c>
      <c r="I51" s="122">
        <v>342601</v>
      </c>
      <c r="J51" s="122"/>
      <c r="K51" s="118">
        <v>1.93</v>
      </c>
      <c r="L51" s="122">
        <v>351861</v>
      </c>
      <c r="M51" s="122"/>
      <c r="N51" s="118">
        <v>2.7</v>
      </c>
      <c r="O51" s="122">
        <v>339702</v>
      </c>
      <c r="P51" s="190"/>
      <c r="Q51" s="115">
        <v>-3.46</v>
      </c>
    </row>
    <row r="52" spans="1:17" x14ac:dyDescent="0.15">
      <c r="A52" s="407"/>
    </row>
  </sheetData>
  <mergeCells count="9">
    <mergeCell ref="O3:Q3"/>
    <mergeCell ref="C3:E3"/>
    <mergeCell ref="F3:H3"/>
    <mergeCell ref="L3:N3"/>
    <mergeCell ref="A51:B51"/>
    <mergeCell ref="A49:B49"/>
    <mergeCell ref="A3:B5"/>
    <mergeCell ref="A50:B50"/>
    <mergeCell ref="I3:K3"/>
  </mergeCells>
  <phoneticPr fontId="3"/>
  <printOptions horizontalCentered="1" gridLinesSet="0"/>
  <pageMargins left="0.59055118110236227" right="0.59055118110236227" top="0.59055118110236227" bottom="0.59055118110236227" header="0.23622047244094491" footer="0.19685039370078741"/>
  <pageSetup paperSize="9" scale="87" orientation="portrait" blackAndWhite="1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AY51"/>
  <sheetViews>
    <sheetView zoomScaleNormal="100" zoomScaleSheetLayoutView="100" workbookViewId="0"/>
  </sheetViews>
  <sheetFormatPr defaultColWidth="9" defaultRowHeight="10.8" x14ac:dyDescent="0.15"/>
  <cols>
    <col min="1" max="1" width="3.6640625" style="188" customWidth="1"/>
    <col min="2" max="2" width="9.88671875" style="188" customWidth="1"/>
    <col min="3" max="3" width="8.109375" style="188" customWidth="1"/>
    <col min="4" max="4" width="3.109375" style="188" customWidth="1"/>
    <col min="5" max="5" width="6.109375" style="188" customWidth="1"/>
    <col min="6" max="6" width="8.109375" style="188" customWidth="1"/>
    <col min="7" max="7" width="3.109375" style="188" customWidth="1"/>
    <col min="8" max="8" width="6.109375" style="188" customWidth="1"/>
    <col min="9" max="9" width="8.109375" style="188" customWidth="1"/>
    <col min="10" max="10" width="3.109375" style="188" customWidth="1"/>
    <col min="11" max="11" width="6.109375" style="188" customWidth="1"/>
    <col min="12" max="12" width="8.109375" style="188" customWidth="1"/>
    <col min="13" max="13" width="3.109375" style="188" customWidth="1"/>
    <col min="14" max="14" width="7" style="188" bestFit="1" customWidth="1"/>
    <col min="15" max="15" width="8.109375" style="188" customWidth="1"/>
    <col min="16" max="16" width="3.109375" style="188" customWidth="1"/>
    <col min="17" max="17" width="7" style="188" bestFit="1" customWidth="1"/>
    <col min="18" max="16384" width="9" style="188"/>
  </cols>
  <sheetData>
    <row r="1" spans="1:17" ht="16.5" customHeight="1" x14ac:dyDescent="0.2">
      <c r="A1" s="189" t="s">
        <v>141</v>
      </c>
      <c r="O1" s="234"/>
    </row>
    <row r="2" spans="1:17" ht="11.1" customHeight="1" thickBot="1" x14ac:dyDescent="0.2">
      <c r="O2" s="200"/>
    </row>
    <row r="3" spans="1:17" s="405" customFormat="1" ht="15" customHeight="1" x14ac:dyDescent="0.2">
      <c r="A3" s="187" t="s">
        <v>60</v>
      </c>
      <c r="B3" s="186"/>
      <c r="C3" s="198" t="s">
        <v>132</v>
      </c>
      <c r="D3" s="199"/>
      <c r="E3" s="199"/>
      <c r="F3" s="198" t="s">
        <v>131</v>
      </c>
      <c r="G3" s="185"/>
      <c r="H3" s="185"/>
      <c r="I3" s="198" t="s">
        <v>130</v>
      </c>
      <c r="J3" s="185"/>
      <c r="K3" s="185"/>
      <c r="L3" s="183" t="s">
        <v>129</v>
      </c>
      <c r="M3" s="185"/>
      <c r="N3" s="233"/>
      <c r="O3" s="183" t="s">
        <v>140</v>
      </c>
      <c r="P3" s="185"/>
      <c r="Q3" s="197"/>
    </row>
    <row r="4" spans="1:17" ht="12.75" customHeight="1" x14ac:dyDescent="0.15">
      <c r="A4" s="175"/>
      <c r="B4" s="174"/>
      <c r="C4" s="179" t="s">
        <v>123</v>
      </c>
      <c r="D4" s="177" t="s">
        <v>122</v>
      </c>
      <c r="E4" s="179" t="s">
        <v>127</v>
      </c>
      <c r="F4" s="180" t="s">
        <v>123</v>
      </c>
      <c r="G4" s="177" t="s">
        <v>122</v>
      </c>
      <c r="H4" s="179" t="s">
        <v>126</v>
      </c>
      <c r="I4" s="180" t="s">
        <v>123</v>
      </c>
      <c r="J4" s="177" t="s">
        <v>122</v>
      </c>
      <c r="K4" s="180" t="s">
        <v>125</v>
      </c>
      <c r="L4" s="180" t="s">
        <v>123</v>
      </c>
      <c r="M4" s="177" t="s">
        <v>122</v>
      </c>
      <c r="N4" s="196" t="s">
        <v>124</v>
      </c>
      <c r="O4" s="180" t="s">
        <v>123</v>
      </c>
      <c r="P4" s="177" t="s">
        <v>122</v>
      </c>
      <c r="Q4" s="176" t="s">
        <v>121</v>
      </c>
    </row>
    <row r="5" spans="1:17" s="403" customFormat="1" ht="12.75" customHeight="1" x14ac:dyDescent="0.15">
      <c r="A5" s="175"/>
      <c r="B5" s="174"/>
      <c r="C5" s="171" t="s">
        <v>119</v>
      </c>
      <c r="D5" s="170" t="s">
        <v>118</v>
      </c>
      <c r="E5" s="171" t="s">
        <v>120</v>
      </c>
      <c r="F5" s="171" t="s">
        <v>119</v>
      </c>
      <c r="G5" s="170" t="s">
        <v>118</v>
      </c>
      <c r="H5" s="171" t="s">
        <v>120</v>
      </c>
      <c r="I5" s="171" t="s">
        <v>119</v>
      </c>
      <c r="J5" s="170" t="s">
        <v>118</v>
      </c>
      <c r="K5" s="171" t="s">
        <v>120</v>
      </c>
      <c r="L5" s="171" t="s">
        <v>119</v>
      </c>
      <c r="M5" s="170" t="s">
        <v>118</v>
      </c>
      <c r="N5" s="195" t="s">
        <v>120</v>
      </c>
      <c r="O5" s="171" t="s">
        <v>119</v>
      </c>
      <c r="P5" s="170" t="s">
        <v>118</v>
      </c>
      <c r="Q5" s="194" t="s">
        <v>120</v>
      </c>
    </row>
    <row r="6" spans="1:17" ht="19.5" customHeight="1" x14ac:dyDescent="0.15">
      <c r="A6" s="168">
        <v>1</v>
      </c>
      <c r="B6" s="152" t="s">
        <v>50</v>
      </c>
      <c r="C6" s="232">
        <v>422524</v>
      </c>
      <c r="D6" s="232">
        <v>8</v>
      </c>
      <c r="E6" s="151">
        <v>-1.21</v>
      </c>
      <c r="F6" s="232">
        <v>455124</v>
      </c>
      <c r="G6" s="232">
        <v>12</v>
      </c>
      <c r="H6" s="151">
        <v>7.72</v>
      </c>
      <c r="I6" s="148">
        <v>533987</v>
      </c>
      <c r="J6" s="148">
        <v>7</v>
      </c>
      <c r="K6" s="151">
        <v>17.329999999999998</v>
      </c>
      <c r="L6" s="148">
        <v>515748</v>
      </c>
      <c r="M6" s="148">
        <v>7</v>
      </c>
      <c r="N6" s="151">
        <v>-3.42</v>
      </c>
      <c r="O6" s="148">
        <v>7928530</v>
      </c>
      <c r="P6" s="148">
        <v>1</v>
      </c>
      <c r="Q6" s="147">
        <v>1437.29</v>
      </c>
    </row>
    <row r="7" spans="1:17" ht="19.5" customHeight="1" x14ac:dyDescent="0.15">
      <c r="A7" s="153">
        <v>2</v>
      </c>
      <c r="B7" s="152" t="s">
        <v>49</v>
      </c>
      <c r="C7" s="232">
        <v>473917</v>
      </c>
      <c r="D7" s="232">
        <v>2</v>
      </c>
      <c r="E7" s="151">
        <v>2.86</v>
      </c>
      <c r="F7" s="232">
        <v>519931</v>
      </c>
      <c r="G7" s="232">
        <v>5</v>
      </c>
      <c r="H7" s="151">
        <v>9.7100000000000009</v>
      </c>
      <c r="I7" s="148">
        <v>651304</v>
      </c>
      <c r="J7" s="148">
        <v>3</v>
      </c>
      <c r="K7" s="151">
        <v>25.27</v>
      </c>
      <c r="L7" s="148">
        <v>641283</v>
      </c>
      <c r="M7" s="148">
        <v>4</v>
      </c>
      <c r="N7" s="151">
        <v>-1.54</v>
      </c>
      <c r="O7" s="148">
        <v>0</v>
      </c>
      <c r="P7" s="148">
        <v>6</v>
      </c>
      <c r="Q7" s="231" t="s">
        <v>86</v>
      </c>
    </row>
    <row r="8" spans="1:17" ht="19.5" customHeight="1" x14ac:dyDescent="0.15">
      <c r="A8" s="153">
        <v>3</v>
      </c>
      <c r="B8" s="152" t="s">
        <v>48</v>
      </c>
      <c r="C8" s="232">
        <v>411015</v>
      </c>
      <c r="D8" s="232">
        <v>10</v>
      </c>
      <c r="E8" s="151">
        <v>-6.37</v>
      </c>
      <c r="F8" s="232">
        <v>423636</v>
      </c>
      <c r="G8" s="232">
        <v>17</v>
      </c>
      <c r="H8" s="151">
        <v>3.07</v>
      </c>
      <c r="I8" s="148">
        <v>406493</v>
      </c>
      <c r="J8" s="148">
        <v>17</v>
      </c>
      <c r="K8" s="151">
        <v>-4.05</v>
      </c>
      <c r="L8" s="148">
        <v>471412</v>
      </c>
      <c r="M8" s="148">
        <v>12</v>
      </c>
      <c r="N8" s="151">
        <v>15.97</v>
      </c>
      <c r="O8" s="148">
        <v>-42910</v>
      </c>
      <c r="P8" s="148">
        <v>33</v>
      </c>
      <c r="Q8" s="147">
        <v>-109.1</v>
      </c>
    </row>
    <row r="9" spans="1:17" ht="19.5" customHeight="1" x14ac:dyDescent="0.15">
      <c r="A9" s="153">
        <v>4</v>
      </c>
      <c r="B9" s="152" t="s">
        <v>47</v>
      </c>
      <c r="C9" s="232">
        <v>403547</v>
      </c>
      <c r="D9" s="232">
        <v>13</v>
      </c>
      <c r="E9" s="151">
        <v>-6.23</v>
      </c>
      <c r="F9" s="232">
        <v>458529</v>
      </c>
      <c r="G9" s="232">
        <v>11</v>
      </c>
      <c r="H9" s="151">
        <v>13.62</v>
      </c>
      <c r="I9" s="148">
        <v>426111</v>
      </c>
      <c r="J9" s="148">
        <v>15</v>
      </c>
      <c r="K9" s="151">
        <v>-7.07</v>
      </c>
      <c r="L9" s="148">
        <v>564861</v>
      </c>
      <c r="M9" s="148">
        <v>5</v>
      </c>
      <c r="N9" s="151">
        <v>32.56</v>
      </c>
      <c r="O9" s="148">
        <v>0</v>
      </c>
      <c r="P9" s="148">
        <v>6</v>
      </c>
      <c r="Q9" s="231" t="s">
        <v>86</v>
      </c>
    </row>
    <row r="10" spans="1:17" ht="19.5" customHeight="1" x14ac:dyDescent="0.15">
      <c r="A10" s="153">
        <v>5</v>
      </c>
      <c r="B10" s="152" t="s">
        <v>46</v>
      </c>
      <c r="C10" s="232">
        <v>400844</v>
      </c>
      <c r="D10" s="232">
        <v>14</v>
      </c>
      <c r="E10" s="151">
        <v>4.18</v>
      </c>
      <c r="F10" s="232">
        <v>462946</v>
      </c>
      <c r="G10" s="232">
        <v>8</v>
      </c>
      <c r="H10" s="151">
        <v>15.49</v>
      </c>
      <c r="I10" s="148">
        <v>540803</v>
      </c>
      <c r="J10" s="148">
        <v>6</v>
      </c>
      <c r="K10" s="151">
        <v>16.82</v>
      </c>
      <c r="L10" s="148">
        <v>514736</v>
      </c>
      <c r="M10" s="148">
        <v>8</v>
      </c>
      <c r="N10" s="151">
        <v>-4.82</v>
      </c>
      <c r="O10" s="148">
        <v>364067</v>
      </c>
      <c r="P10" s="148">
        <v>3</v>
      </c>
      <c r="Q10" s="147">
        <v>-29.27</v>
      </c>
    </row>
    <row r="11" spans="1:17" ht="19.5" customHeight="1" x14ac:dyDescent="0.15">
      <c r="A11" s="153">
        <v>6</v>
      </c>
      <c r="B11" s="152" t="s">
        <v>45</v>
      </c>
      <c r="C11" s="232">
        <v>354361</v>
      </c>
      <c r="D11" s="232">
        <v>24</v>
      </c>
      <c r="E11" s="151">
        <v>-5.32</v>
      </c>
      <c r="F11" s="232">
        <v>347348</v>
      </c>
      <c r="G11" s="232">
        <v>28</v>
      </c>
      <c r="H11" s="151">
        <v>-1.98</v>
      </c>
      <c r="I11" s="148">
        <v>310956</v>
      </c>
      <c r="J11" s="148">
        <v>26</v>
      </c>
      <c r="K11" s="151">
        <v>-10.48</v>
      </c>
      <c r="L11" s="148">
        <v>438632</v>
      </c>
      <c r="M11" s="148">
        <v>14</v>
      </c>
      <c r="N11" s="151">
        <v>41.06</v>
      </c>
      <c r="O11" s="148">
        <v>0</v>
      </c>
      <c r="P11" s="148">
        <v>6</v>
      </c>
      <c r="Q11" s="231" t="s">
        <v>86</v>
      </c>
    </row>
    <row r="12" spans="1:17" ht="19.5" customHeight="1" x14ac:dyDescent="0.15">
      <c r="A12" s="153">
        <v>7</v>
      </c>
      <c r="B12" s="152" t="s">
        <v>44</v>
      </c>
      <c r="C12" s="232">
        <v>376943</v>
      </c>
      <c r="D12" s="232">
        <v>19</v>
      </c>
      <c r="E12" s="151">
        <v>2.5</v>
      </c>
      <c r="F12" s="232">
        <v>361280</v>
      </c>
      <c r="G12" s="232">
        <v>24</v>
      </c>
      <c r="H12" s="151">
        <v>-4.16</v>
      </c>
      <c r="I12" s="148">
        <v>372803</v>
      </c>
      <c r="J12" s="148">
        <v>19</v>
      </c>
      <c r="K12" s="151">
        <v>3.19</v>
      </c>
      <c r="L12" s="148">
        <v>340797</v>
      </c>
      <c r="M12" s="148">
        <v>16</v>
      </c>
      <c r="N12" s="151">
        <v>-8.59</v>
      </c>
      <c r="O12" s="148">
        <v>73262</v>
      </c>
      <c r="P12" s="148">
        <v>5</v>
      </c>
      <c r="Q12" s="147">
        <v>-78.5</v>
      </c>
    </row>
    <row r="13" spans="1:17" ht="19.5" customHeight="1" x14ac:dyDescent="0.15">
      <c r="A13" s="153">
        <v>8</v>
      </c>
      <c r="B13" s="152" t="s">
        <v>43</v>
      </c>
      <c r="C13" s="232">
        <v>367064</v>
      </c>
      <c r="D13" s="232">
        <v>21</v>
      </c>
      <c r="E13" s="151">
        <v>-2.63</v>
      </c>
      <c r="F13" s="232">
        <v>333474</v>
      </c>
      <c r="G13" s="232">
        <v>32</v>
      </c>
      <c r="H13" s="151">
        <v>-9.15</v>
      </c>
      <c r="I13" s="148">
        <v>331556</v>
      </c>
      <c r="J13" s="148">
        <v>25</v>
      </c>
      <c r="K13" s="151">
        <v>-0.57999999999999996</v>
      </c>
      <c r="L13" s="148">
        <v>559011</v>
      </c>
      <c r="M13" s="148">
        <v>6</v>
      </c>
      <c r="N13" s="151">
        <v>68.599999999999994</v>
      </c>
      <c r="O13" s="148">
        <v>0</v>
      </c>
      <c r="P13" s="148">
        <v>6</v>
      </c>
      <c r="Q13" s="231" t="s">
        <v>86</v>
      </c>
    </row>
    <row r="14" spans="1:17" ht="19.5" customHeight="1" x14ac:dyDescent="0.15">
      <c r="A14" s="153">
        <v>9</v>
      </c>
      <c r="B14" s="152" t="s">
        <v>42</v>
      </c>
      <c r="C14" s="232">
        <v>405158</v>
      </c>
      <c r="D14" s="232">
        <v>12</v>
      </c>
      <c r="E14" s="151">
        <v>-2.7</v>
      </c>
      <c r="F14" s="232">
        <v>555538</v>
      </c>
      <c r="G14" s="232">
        <v>2</v>
      </c>
      <c r="H14" s="151">
        <v>37.119999999999997</v>
      </c>
      <c r="I14" s="148">
        <v>515268</v>
      </c>
      <c r="J14" s="148">
        <v>8</v>
      </c>
      <c r="K14" s="151">
        <v>-7.25</v>
      </c>
      <c r="L14" s="148">
        <v>504503</v>
      </c>
      <c r="M14" s="148">
        <v>9</v>
      </c>
      <c r="N14" s="151">
        <v>-2.09</v>
      </c>
      <c r="O14" s="148">
        <v>0</v>
      </c>
      <c r="P14" s="148">
        <v>6</v>
      </c>
      <c r="Q14" s="231" t="s">
        <v>86</v>
      </c>
    </row>
    <row r="15" spans="1:17" ht="19.5" customHeight="1" x14ac:dyDescent="0.15">
      <c r="A15" s="153">
        <v>10</v>
      </c>
      <c r="B15" s="152" t="s">
        <v>41</v>
      </c>
      <c r="C15" s="232">
        <v>439573</v>
      </c>
      <c r="D15" s="232">
        <v>4</v>
      </c>
      <c r="E15" s="151">
        <v>11.5</v>
      </c>
      <c r="F15" s="232">
        <v>429242</v>
      </c>
      <c r="G15" s="232">
        <v>16</v>
      </c>
      <c r="H15" s="151">
        <v>-2.35</v>
      </c>
      <c r="I15" s="148">
        <v>476081</v>
      </c>
      <c r="J15" s="148">
        <v>11</v>
      </c>
      <c r="K15" s="151">
        <v>10.91</v>
      </c>
      <c r="L15" s="148">
        <v>765804</v>
      </c>
      <c r="M15" s="148">
        <v>2</v>
      </c>
      <c r="N15" s="151">
        <v>60.86</v>
      </c>
      <c r="O15" s="148">
        <v>1184265</v>
      </c>
      <c r="P15" s="148">
        <v>2</v>
      </c>
      <c r="Q15" s="147">
        <v>54.64</v>
      </c>
    </row>
    <row r="16" spans="1:17" ht="19.5" customHeight="1" x14ac:dyDescent="0.15">
      <c r="A16" s="153">
        <v>11</v>
      </c>
      <c r="B16" s="152" t="s">
        <v>40</v>
      </c>
      <c r="C16" s="232">
        <v>413031</v>
      </c>
      <c r="D16" s="232">
        <v>9</v>
      </c>
      <c r="E16" s="151">
        <v>-0.48</v>
      </c>
      <c r="F16" s="232">
        <v>391756</v>
      </c>
      <c r="G16" s="232">
        <v>20</v>
      </c>
      <c r="H16" s="151">
        <v>-5.15</v>
      </c>
      <c r="I16" s="148">
        <v>734284</v>
      </c>
      <c r="J16" s="148">
        <v>1</v>
      </c>
      <c r="K16" s="151">
        <v>87.43</v>
      </c>
      <c r="L16" s="148">
        <v>489524</v>
      </c>
      <c r="M16" s="148">
        <v>10</v>
      </c>
      <c r="N16" s="151">
        <v>-33.33</v>
      </c>
      <c r="O16" s="148">
        <v>0</v>
      </c>
      <c r="P16" s="148">
        <v>6</v>
      </c>
      <c r="Q16" s="231" t="s">
        <v>86</v>
      </c>
    </row>
    <row r="17" spans="1:17" ht="19.5" customHeight="1" x14ac:dyDescent="0.15">
      <c r="A17" s="153">
        <v>12</v>
      </c>
      <c r="B17" s="152" t="s">
        <v>39</v>
      </c>
      <c r="C17" s="232">
        <v>338083</v>
      </c>
      <c r="D17" s="232">
        <v>29</v>
      </c>
      <c r="E17" s="151">
        <v>-0.41</v>
      </c>
      <c r="F17" s="232">
        <v>346555</v>
      </c>
      <c r="G17" s="232">
        <v>29</v>
      </c>
      <c r="H17" s="151">
        <v>2.5099999999999998</v>
      </c>
      <c r="I17" s="148">
        <v>401540</v>
      </c>
      <c r="J17" s="148">
        <v>18</v>
      </c>
      <c r="K17" s="151">
        <v>15.87</v>
      </c>
      <c r="L17" s="148">
        <v>185055</v>
      </c>
      <c r="M17" s="148">
        <v>24</v>
      </c>
      <c r="N17" s="151">
        <v>-53.91</v>
      </c>
      <c r="O17" s="148">
        <v>0</v>
      </c>
      <c r="P17" s="148">
        <v>6</v>
      </c>
      <c r="Q17" s="231" t="s">
        <v>86</v>
      </c>
    </row>
    <row r="18" spans="1:17" ht="19.5" customHeight="1" x14ac:dyDescent="0.15">
      <c r="A18" s="153">
        <v>13</v>
      </c>
      <c r="B18" s="152" t="s">
        <v>38</v>
      </c>
      <c r="C18" s="232">
        <v>395610</v>
      </c>
      <c r="D18" s="232">
        <v>16</v>
      </c>
      <c r="E18" s="151">
        <v>11.25</v>
      </c>
      <c r="F18" s="232">
        <v>386041</v>
      </c>
      <c r="G18" s="232">
        <v>21</v>
      </c>
      <c r="H18" s="151">
        <v>-2.42</v>
      </c>
      <c r="I18" s="148">
        <v>348379</v>
      </c>
      <c r="J18" s="148">
        <v>24</v>
      </c>
      <c r="K18" s="151">
        <v>-9.76</v>
      </c>
      <c r="L18" s="148">
        <v>481400</v>
      </c>
      <c r="M18" s="148">
        <v>11</v>
      </c>
      <c r="N18" s="151">
        <v>38.18</v>
      </c>
      <c r="O18" s="148">
        <v>0</v>
      </c>
      <c r="P18" s="148">
        <v>6</v>
      </c>
      <c r="Q18" s="231" t="s">
        <v>86</v>
      </c>
    </row>
    <row r="19" spans="1:17" ht="19.5" customHeight="1" x14ac:dyDescent="0.15">
      <c r="A19" s="153">
        <v>14</v>
      </c>
      <c r="B19" s="152" t="s">
        <v>37</v>
      </c>
      <c r="C19" s="232">
        <v>383456</v>
      </c>
      <c r="D19" s="232">
        <v>17</v>
      </c>
      <c r="E19" s="151">
        <v>-26.54</v>
      </c>
      <c r="F19" s="232">
        <v>359572</v>
      </c>
      <c r="G19" s="232">
        <v>26</v>
      </c>
      <c r="H19" s="151">
        <v>-6.23</v>
      </c>
      <c r="I19" s="148">
        <v>364900</v>
      </c>
      <c r="J19" s="148">
        <v>20</v>
      </c>
      <c r="K19" s="151">
        <v>1.48</v>
      </c>
      <c r="L19" s="148">
        <v>258849</v>
      </c>
      <c r="M19" s="148">
        <v>21</v>
      </c>
      <c r="N19" s="151">
        <v>-29.06</v>
      </c>
      <c r="O19" s="148">
        <v>0</v>
      </c>
      <c r="P19" s="148">
        <v>6</v>
      </c>
      <c r="Q19" s="231" t="s">
        <v>86</v>
      </c>
    </row>
    <row r="20" spans="1:17" ht="19.5" customHeight="1" x14ac:dyDescent="0.15">
      <c r="A20" s="153">
        <v>15</v>
      </c>
      <c r="B20" s="152" t="s">
        <v>36</v>
      </c>
      <c r="C20" s="232">
        <v>349776</v>
      </c>
      <c r="D20" s="232">
        <v>25</v>
      </c>
      <c r="E20" s="151">
        <v>2.97</v>
      </c>
      <c r="F20" s="232">
        <v>359596</v>
      </c>
      <c r="G20" s="232">
        <v>25</v>
      </c>
      <c r="H20" s="151">
        <v>2.81</v>
      </c>
      <c r="I20" s="148">
        <v>357334</v>
      </c>
      <c r="J20" s="148">
        <v>22</v>
      </c>
      <c r="K20" s="151">
        <v>-0.63</v>
      </c>
      <c r="L20" s="148">
        <v>673586</v>
      </c>
      <c r="M20" s="148">
        <v>3</v>
      </c>
      <c r="N20" s="151">
        <v>88.5</v>
      </c>
      <c r="O20" s="148">
        <v>0</v>
      </c>
      <c r="P20" s="148">
        <v>6</v>
      </c>
      <c r="Q20" s="231" t="s">
        <v>86</v>
      </c>
    </row>
    <row r="21" spans="1:17" ht="19.5" customHeight="1" x14ac:dyDescent="0.15">
      <c r="A21" s="153">
        <v>16</v>
      </c>
      <c r="B21" s="152" t="s">
        <v>35</v>
      </c>
      <c r="C21" s="232">
        <v>368855</v>
      </c>
      <c r="D21" s="232">
        <v>20</v>
      </c>
      <c r="E21" s="151">
        <v>10.91</v>
      </c>
      <c r="F21" s="232">
        <v>368888</v>
      </c>
      <c r="G21" s="232">
        <v>22</v>
      </c>
      <c r="H21" s="151">
        <v>0.01</v>
      </c>
      <c r="I21" s="148">
        <v>268635</v>
      </c>
      <c r="J21" s="148">
        <v>28</v>
      </c>
      <c r="K21" s="151">
        <v>-27.18</v>
      </c>
      <c r="L21" s="148">
        <v>125240</v>
      </c>
      <c r="M21" s="148">
        <v>28</v>
      </c>
      <c r="N21" s="151">
        <v>-53.38</v>
      </c>
      <c r="O21" s="148">
        <v>0</v>
      </c>
      <c r="P21" s="148">
        <v>6</v>
      </c>
      <c r="Q21" s="231" t="s">
        <v>86</v>
      </c>
    </row>
    <row r="22" spans="1:17" ht="19.5" customHeight="1" x14ac:dyDescent="0.15">
      <c r="A22" s="153">
        <v>17</v>
      </c>
      <c r="B22" s="152" t="s">
        <v>34</v>
      </c>
      <c r="C22" s="232">
        <v>454494</v>
      </c>
      <c r="D22" s="232">
        <v>3</v>
      </c>
      <c r="E22" s="151">
        <v>12.05</v>
      </c>
      <c r="F22" s="232">
        <v>479238</v>
      </c>
      <c r="G22" s="232">
        <v>7</v>
      </c>
      <c r="H22" s="151">
        <v>5.44</v>
      </c>
      <c r="I22" s="148">
        <v>499439</v>
      </c>
      <c r="J22" s="148">
        <v>9</v>
      </c>
      <c r="K22" s="151">
        <v>4.22</v>
      </c>
      <c r="L22" s="148">
        <v>248430</v>
      </c>
      <c r="M22" s="148">
        <v>22</v>
      </c>
      <c r="N22" s="151">
        <v>-50.26</v>
      </c>
      <c r="O22" s="148">
        <v>0</v>
      </c>
      <c r="P22" s="148">
        <v>6</v>
      </c>
      <c r="Q22" s="231" t="s">
        <v>86</v>
      </c>
    </row>
    <row r="23" spans="1:17" ht="19.5" customHeight="1" x14ac:dyDescent="0.15">
      <c r="A23" s="153">
        <v>18</v>
      </c>
      <c r="B23" s="152" t="s">
        <v>33</v>
      </c>
      <c r="C23" s="232">
        <v>395859</v>
      </c>
      <c r="D23" s="232">
        <v>15</v>
      </c>
      <c r="E23" s="151">
        <v>2.5099999999999998</v>
      </c>
      <c r="F23" s="232">
        <v>460742</v>
      </c>
      <c r="G23" s="232">
        <v>9</v>
      </c>
      <c r="H23" s="151">
        <v>16.39</v>
      </c>
      <c r="I23" s="148">
        <v>430604</v>
      </c>
      <c r="J23" s="148">
        <v>14</v>
      </c>
      <c r="K23" s="151">
        <v>-6.54</v>
      </c>
      <c r="L23" s="148">
        <v>448856</v>
      </c>
      <c r="M23" s="148">
        <v>13</v>
      </c>
      <c r="N23" s="151">
        <v>4.24</v>
      </c>
      <c r="O23" s="148">
        <v>212160</v>
      </c>
      <c r="P23" s="148">
        <v>4</v>
      </c>
      <c r="Q23" s="147">
        <v>-52.73</v>
      </c>
    </row>
    <row r="24" spans="1:17" ht="19.5" customHeight="1" x14ac:dyDescent="0.15">
      <c r="A24" s="153">
        <v>19</v>
      </c>
      <c r="B24" s="152" t="s">
        <v>32</v>
      </c>
      <c r="C24" s="232">
        <v>406596</v>
      </c>
      <c r="D24" s="232">
        <v>11</v>
      </c>
      <c r="E24" s="151">
        <v>10.64</v>
      </c>
      <c r="F24" s="232">
        <v>443251</v>
      </c>
      <c r="G24" s="232">
        <v>14</v>
      </c>
      <c r="H24" s="151">
        <v>9.02</v>
      </c>
      <c r="I24" s="148">
        <v>363857</v>
      </c>
      <c r="J24" s="148">
        <v>21</v>
      </c>
      <c r="K24" s="151">
        <v>-17.91</v>
      </c>
      <c r="L24" s="148">
        <v>206560</v>
      </c>
      <c r="M24" s="148">
        <v>23</v>
      </c>
      <c r="N24" s="151">
        <v>-43.23</v>
      </c>
      <c r="O24" s="148">
        <v>0</v>
      </c>
      <c r="P24" s="148">
        <v>6</v>
      </c>
      <c r="Q24" s="231" t="s">
        <v>86</v>
      </c>
    </row>
    <row r="25" spans="1:17" ht="19.5" customHeight="1" x14ac:dyDescent="0.15">
      <c r="A25" s="153">
        <v>20</v>
      </c>
      <c r="B25" s="152" t="s">
        <v>31</v>
      </c>
      <c r="C25" s="232">
        <v>348488</v>
      </c>
      <c r="D25" s="232">
        <v>26</v>
      </c>
      <c r="E25" s="151">
        <v>2.87</v>
      </c>
      <c r="F25" s="232">
        <v>494398</v>
      </c>
      <c r="G25" s="232">
        <v>6</v>
      </c>
      <c r="H25" s="151">
        <v>41.87</v>
      </c>
      <c r="I25" s="148">
        <v>493740</v>
      </c>
      <c r="J25" s="148">
        <v>10</v>
      </c>
      <c r="K25" s="151">
        <v>-0.13</v>
      </c>
      <c r="L25" s="148">
        <v>349849</v>
      </c>
      <c r="M25" s="148">
        <v>15</v>
      </c>
      <c r="N25" s="151">
        <v>-29.14</v>
      </c>
      <c r="O25" s="148">
        <v>0</v>
      </c>
      <c r="P25" s="148">
        <v>6</v>
      </c>
      <c r="Q25" s="231" t="s">
        <v>86</v>
      </c>
    </row>
    <row r="26" spans="1:17" ht="19.5" customHeight="1" x14ac:dyDescent="0.15">
      <c r="A26" s="153">
        <v>21</v>
      </c>
      <c r="B26" s="152" t="s">
        <v>30</v>
      </c>
      <c r="C26" s="232">
        <v>344442</v>
      </c>
      <c r="D26" s="232">
        <v>28</v>
      </c>
      <c r="E26" s="151">
        <v>-1.2</v>
      </c>
      <c r="F26" s="232">
        <v>367464</v>
      </c>
      <c r="G26" s="232">
        <v>23</v>
      </c>
      <c r="H26" s="151">
        <v>6.68</v>
      </c>
      <c r="I26" s="148">
        <v>448374</v>
      </c>
      <c r="J26" s="148">
        <v>13</v>
      </c>
      <c r="K26" s="151">
        <v>22.02</v>
      </c>
      <c r="L26" s="148">
        <v>287245</v>
      </c>
      <c r="M26" s="148">
        <v>20</v>
      </c>
      <c r="N26" s="151">
        <v>-35.94</v>
      </c>
      <c r="O26" s="148">
        <v>0</v>
      </c>
      <c r="P26" s="148">
        <v>6</v>
      </c>
      <c r="Q26" s="231" t="s">
        <v>86</v>
      </c>
    </row>
    <row r="27" spans="1:17" ht="19.5" customHeight="1" x14ac:dyDescent="0.15">
      <c r="A27" s="153">
        <v>22</v>
      </c>
      <c r="B27" s="152" t="s">
        <v>29</v>
      </c>
      <c r="C27" s="232">
        <v>356326</v>
      </c>
      <c r="D27" s="232">
        <v>22</v>
      </c>
      <c r="E27" s="151">
        <v>-7.42</v>
      </c>
      <c r="F27" s="232">
        <v>531127</v>
      </c>
      <c r="G27" s="232">
        <v>4</v>
      </c>
      <c r="H27" s="151">
        <v>49.06</v>
      </c>
      <c r="I27" s="148">
        <v>682962</v>
      </c>
      <c r="J27" s="148">
        <v>2</v>
      </c>
      <c r="K27" s="151">
        <v>28.59</v>
      </c>
      <c r="L27" s="148">
        <v>322450</v>
      </c>
      <c r="M27" s="148">
        <v>18</v>
      </c>
      <c r="N27" s="151">
        <v>-52.79</v>
      </c>
      <c r="O27" s="148">
        <v>0</v>
      </c>
      <c r="P27" s="148">
        <v>6</v>
      </c>
      <c r="Q27" s="231" t="s">
        <v>86</v>
      </c>
    </row>
    <row r="28" spans="1:17" ht="19.5" customHeight="1" x14ac:dyDescent="0.15">
      <c r="A28" s="153">
        <v>23</v>
      </c>
      <c r="B28" s="152" t="s">
        <v>28</v>
      </c>
      <c r="C28" s="232">
        <v>379071</v>
      </c>
      <c r="D28" s="232">
        <v>18</v>
      </c>
      <c r="E28" s="151">
        <v>-0.04</v>
      </c>
      <c r="F28" s="232">
        <v>546649</v>
      </c>
      <c r="G28" s="232">
        <v>3</v>
      </c>
      <c r="H28" s="151">
        <v>44.21</v>
      </c>
      <c r="I28" s="148">
        <v>422615</v>
      </c>
      <c r="J28" s="148">
        <v>16</v>
      </c>
      <c r="K28" s="151">
        <v>-22.69</v>
      </c>
      <c r="L28" s="148">
        <v>319716</v>
      </c>
      <c r="M28" s="148">
        <v>19</v>
      </c>
      <c r="N28" s="151">
        <v>-24.35</v>
      </c>
      <c r="O28" s="148">
        <v>0</v>
      </c>
      <c r="P28" s="148">
        <v>6</v>
      </c>
      <c r="Q28" s="231" t="s">
        <v>86</v>
      </c>
    </row>
    <row r="29" spans="1:17" ht="19.5" customHeight="1" x14ac:dyDescent="0.15">
      <c r="A29" s="153">
        <v>24</v>
      </c>
      <c r="B29" s="152" t="s">
        <v>27</v>
      </c>
      <c r="C29" s="232">
        <v>518637</v>
      </c>
      <c r="D29" s="232">
        <v>1</v>
      </c>
      <c r="E29" s="151">
        <v>25.39</v>
      </c>
      <c r="F29" s="232">
        <v>557704</v>
      </c>
      <c r="G29" s="232">
        <v>1</v>
      </c>
      <c r="H29" s="151">
        <v>7.53</v>
      </c>
      <c r="I29" s="148">
        <v>168283</v>
      </c>
      <c r="J29" s="148">
        <v>32</v>
      </c>
      <c r="K29" s="151">
        <v>-69.83</v>
      </c>
      <c r="L29" s="148">
        <v>162458</v>
      </c>
      <c r="M29" s="148">
        <v>26</v>
      </c>
      <c r="N29" s="151">
        <v>-3.46</v>
      </c>
      <c r="O29" s="148">
        <v>0</v>
      </c>
      <c r="P29" s="148">
        <v>6</v>
      </c>
      <c r="Q29" s="231" t="s">
        <v>86</v>
      </c>
    </row>
    <row r="30" spans="1:17" ht="19.5" customHeight="1" x14ac:dyDescent="0.15">
      <c r="A30" s="153">
        <v>25</v>
      </c>
      <c r="B30" s="152" t="s">
        <v>26</v>
      </c>
      <c r="C30" s="232">
        <v>275874</v>
      </c>
      <c r="D30" s="232">
        <v>31</v>
      </c>
      <c r="E30" s="151">
        <v>-31.19</v>
      </c>
      <c r="F30" s="232">
        <v>342004</v>
      </c>
      <c r="G30" s="232">
        <v>31</v>
      </c>
      <c r="H30" s="151">
        <v>23.97</v>
      </c>
      <c r="I30" s="148">
        <v>274792</v>
      </c>
      <c r="J30" s="148">
        <v>27</v>
      </c>
      <c r="K30" s="151">
        <v>-19.649999999999999</v>
      </c>
      <c r="L30" s="148">
        <v>332593</v>
      </c>
      <c r="M30" s="148">
        <v>17</v>
      </c>
      <c r="N30" s="151">
        <v>21.03</v>
      </c>
      <c r="O30" s="148">
        <v>0</v>
      </c>
      <c r="P30" s="148">
        <v>6</v>
      </c>
      <c r="Q30" s="231" t="s">
        <v>86</v>
      </c>
    </row>
    <row r="31" spans="1:17" ht="19.5" customHeight="1" x14ac:dyDescent="0.15">
      <c r="A31" s="153">
        <v>26</v>
      </c>
      <c r="B31" s="152" t="s">
        <v>25</v>
      </c>
      <c r="C31" s="232">
        <v>287318</v>
      </c>
      <c r="D31" s="232">
        <v>30</v>
      </c>
      <c r="E31" s="151">
        <v>-28.06</v>
      </c>
      <c r="F31" s="232">
        <v>346355</v>
      </c>
      <c r="G31" s="232">
        <v>30</v>
      </c>
      <c r="H31" s="151">
        <v>20.55</v>
      </c>
      <c r="I31" s="148">
        <v>449957</v>
      </c>
      <c r="J31" s="148">
        <v>12</v>
      </c>
      <c r="K31" s="151">
        <v>29.91</v>
      </c>
      <c r="L31" s="148">
        <v>130903</v>
      </c>
      <c r="M31" s="148">
        <v>27</v>
      </c>
      <c r="N31" s="151">
        <v>-70.91</v>
      </c>
      <c r="O31" s="148">
        <v>0</v>
      </c>
      <c r="P31" s="148">
        <v>6</v>
      </c>
      <c r="Q31" s="231" t="s">
        <v>86</v>
      </c>
    </row>
    <row r="32" spans="1:17" ht="19.5" customHeight="1" x14ac:dyDescent="0.15">
      <c r="A32" s="153">
        <v>27</v>
      </c>
      <c r="B32" s="152" t="s">
        <v>24</v>
      </c>
      <c r="C32" s="232">
        <v>345099</v>
      </c>
      <c r="D32" s="232">
        <v>27</v>
      </c>
      <c r="E32" s="151">
        <v>-33.619999999999997</v>
      </c>
      <c r="F32" s="232">
        <v>395925</v>
      </c>
      <c r="G32" s="232">
        <v>19</v>
      </c>
      <c r="H32" s="151">
        <v>14.73</v>
      </c>
      <c r="I32" s="148">
        <v>171710</v>
      </c>
      <c r="J32" s="148">
        <v>31</v>
      </c>
      <c r="K32" s="151">
        <v>-56.63</v>
      </c>
      <c r="L32" s="148">
        <v>43820</v>
      </c>
      <c r="M32" s="148">
        <v>31</v>
      </c>
      <c r="N32" s="151">
        <v>-74.48</v>
      </c>
      <c r="O32" s="148">
        <v>0</v>
      </c>
      <c r="P32" s="148">
        <v>6</v>
      </c>
      <c r="Q32" s="231" t="s">
        <v>86</v>
      </c>
    </row>
    <row r="33" spans="1:51" ht="19.5" customHeight="1" x14ac:dyDescent="0.15">
      <c r="A33" s="153">
        <v>28</v>
      </c>
      <c r="B33" s="152" t="s">
        <v>23</v>
      </c>
      <c r="C33" s="232">
        <v>433127</v>
      </c>
      <c r="D33" s="232">
        <v>5</v>
      </c>
      <c r="E33" s="151">
        <v>-22.35</v>
      </c>
      <c r="F33" s="232">
        <v>454993</v>
      </c>
      <c r="G33" s="232">
        <v>13</v>
      </c>
      <c r="H33" s="151">
        <v>5.05</v>
      </c>
      <c r="I33" s="148">
        <v>540890</v>
      </c>
      <c r="J33" s="148">
        <v>5</v>
      </c>
      <c r="K33" s="151">
        <v>18.88</v>
      </c>
      <c r="L33" s="148">
        <v>1651502</v>
      </c>
      <c r="M33" s="148">
        <v>1</v>
      </c>
      <c r="N33" s="151">
        <v>205.33</v>
      </c>
      <c r="O33" s="148">
        <v>0</v>
      </c>
      <c r="P33" s="148">
        <v>6</v>
      </c>
      <c r="Q33" s="231" t="s">
        <v>86</v>
      </c>
    </row>
    <row r="34" spans="1:51" ht="19.5" customHeight="1" x14ac:dyDescent="0.15">
      <c r="A34" s="153">
        <v>29</v>
      </c>
      <c r="B34" s="152" t="s">
        <v>22</v>
      </c>
      <c r="C34" s="232">
        <v>225867</v>
      </c>
      <c r="D34" s="232">
        <v>32</v>
      </c>
      <c r="E34" s="151">
        <v>-37.229999999999997</v>
      </c>
      <c r="F34" s="232">
        <v>414481</v>
      </c>
      <c r="G34" s="232">
        <v>18</v>
      </c>
      <c r="H34" s="151">
        <v>83.51</v>
      </c>
      <c r="I34" s="148">
        <v>255301</v>
      </c>
      <c r="J34" s="148">
        <v>30</v>
      </c>
      <c r="K34" s="151">
        <v>-38.4</v>
      </c>
      <c r="L34" s="148">
        <v>51382</v>
      </c>
      <c r="M34" s="148">
        <v>30</v>
      </c>
      <c r="N34" s="151">
        <v>-79.87</v>
      </c>
      <c r="O34" s="148">
        <v>0</v>
      </c>
      <c r="P34" s="148">
        <v>6</v>
      </c>
      <c r="Q34" s="231" t="s">
        <v>86</v>
      </c>
    </row>
    <row r="35" spans="1:51" ht="19.5" customHeight="1" x14ac:dyDescent="0.15">
      <c r="A35" s="153">
        <v>30</v>
      </c>
      <c r="B35" s="152" t="s">
        <v>21</v>
      </c>
      <c r="C35" s="232">
        <v>355517</v>
      </c>
      <c r="D35" s="232">
        <v>23</v>
      </c>
      <c r="E35" s="151">
        <v>-23.04</v>
      </c>
      <c r="F35" s="232">
        <v>431730</v>
      </c>
      <c r="G35" s="232">
        <v>15</v>
      </c>
      <c r="H35" s="151">
        <v>21.44</v>
      </c>
      <c r="I35" s="148">
        <v>349846</v>
      </c>
      <c r="J35" s="148">
        <v>23</v>
      </c>
      <c r="K35" s="151">
        <v>-18.97</v>
      </c>
      <c r="L35" s="148">
        <v>0</v>
      </c>
      <c r="M35" s="148">
        <v>32</v>
      </c>
      <c r="N35" s="151">
        <v>-100</v>
      </c>
      <c r="O35" s="148">
        <v>0</v>
      </c>
      <c r="P35" s="148">
        <v>6</v>
      </c>
      <c r="Q35" s="231" t="s">
        <v>113</v>
      </c>
    </row>
    <row r="36" spans="1:51" ht="19.5" customHeight="1" x14ac:dyDescent="0.15">
      <c r="A36" s="153">
        <v>31</v>
      </c>
      <c r="B36" s="152" t="s">
        <v>20</v>
      </c>
      <c r="C36" s="232">
        <v>426391</v>
      </c>
      <c r="D36" s="232">
        <v>6</v>
      </c>
      <c r="E36" s="151">
        <v>-11.31</v>
      </c>
      <c r="F36" s="232">
        <v>358112</v>
      </c>
      <c r="G36" s="232">
        <v>27</v>
      </c>
      <c r="H36" s="151">
        <v>-16.010000000000002</v>
      </c>
      <c r="I36" s="148">
        <v>260074</v>
      </c>
      <c r="J36" s="148">
        <v>29</v>
      </c>
      <c r="K36" s="151">
        <v>-27.38</v>
      </c>
      <c r="L36" s="148">
        <v>183073</v>
      </c>
      <c r="M36" s="148">
        <v>25</v>
      </c>
      <c r="N36" s="151">
        <v>-29.61</v>
      </c>
      <c r="O36" s="148">
        <v>0</v>
      </c>
      <c r="P36" s="148">
        <v>6</v>
      </c>
      <c r="Q36" s="231" t="s">
        <v>86</v>
      </c>
    </row>
    <row r="37" spans="1:51" ht="19.5" customHeight="1" x14ac:dyDescent="0.15">
      <c r="A37" s="153">
        <v>32</v>
      </c>
      <c r="B37" s="152" t="s">
        <v>19</v>
      </c>
      <c r="C37" s="232">
        <v>425650</v>
      </c>
      <c r="D37" s="232">
        <v>7</v>
      </c>
      <c r="E37" s="151">
        <v>6.77</v>
      </c>
      <c r="F37" s="232">
        <v>459120</v>
      </c>
      <c r="G37" s="232">
        <v>10</v>
      </c>
      <c r="H37" s="151">
        <v>7.86</v>
      </c>
      <c r="I37" s="148">
        <v>627051</v>
      </c>
      <c r="J37" s="148">
        <v>4</v>
      </c>
      <c r="K37" s="151">
        <v>36.58</v>
      </c>
      <c r="L37" s="148">
        <v>117219</v>
      </c>
      <c r="M37" s="148">
        <v>29</v>
      </c>
      <c r="N37" s="151">
        <v>-81.31</v>
      </c>
      <c r="O37" s="148">
        <v>0</v>
      </c>
      <c r="P37" s="148">
        <v>6</v>
      </c>
      <c r="Q37" s="231" t="s">
        <v>86</v>
      </c>
    </row>
    <row r="38" spans="1:51" ht="19.5" customHeight="1" thickBot="1" x14ac:dyDescent="0.2">
      <c r="A38" s="146">
        <v>33</v>
      </c>
      <c r="B38" s="145" t="s">
        <v>18</v>
      </c>
      <c r="C38" s="230">
        <v>218175</v>
      </c>
      <c r="D38" s="230">
        <v>33</v>
      </c>
      <c r="E38" s="144">
        <v>11.23</v>
      </c>
      <c r="F38" s="230">
        <v>208420</v>
      </c>
      <c r="G38" s="230">
        <v>33</v>
      </c>
      <c r="H38" s="144">
        <v>-4.47</v>
      </c>
      <c r="I38" s="140">
        <v>0</v>
      </c>
      <c r="J38" s="140">
        <v>33</v>
      </c>
      <c r="K38" s="144">
        <v>-100</v>
      </c>
      <c r="L38" s="140">
        <v>0</v>
      </c>
      <c r="M38" s="140">
        <v>32</v>
      </c>
      <c r="N38" s="214" t="s">
        <v>86</v>
      </c>
      <c r="O38" s="140">
        <v>0</v>
      </c>
      <c r="P38" s="140">
        <v>6</v>
      </c>
      <c r="Q38" s="229" t="s">
        <v>86</v>
      </c>
    </row>
    <row r="39" spans="1:51" ht="19.5" hidden="1" customHeight="1" thickTop="1" thickBot="1" x14ac:dyDescent="0.2">
      <c r="A39" s="167">
        <v>34</v>
      </c>
      <c r="B39" s="166" t="s">
        <v>116</v>
      </c>
      <c r="C39" s="210" t="s">
        <v>86</v>
      </c>
      <c r="D39" s="210" t="s">
        <v>86</v>
      </c>
      <c r="E39" s="228" t="s">
        <v>86</v>
      </c>
      <c r="F39" s="210" t="s">
        <v>86</v>
      </c>
      <c r="G39" s="210" t="s">
        <v>86</v>
      </c>
      <c r="H39" s="228" t="s">
        <v>86</v>
      </c>
      <c r="I39" s="134" t="s">
        <v>86</v>
      </c>
      <c r="J39" s="134" t="s">
        <v>86</v>
      </c>
      <c r="K39" s="133" t="s">
        <v>86</v>
      </c>
      <c r="L39" s="134" t="s">
        <v>86</v>
      </c>
      <c r="M39" s="134" t="s">
        <v>86</v>
      </c>
      <c r="N39" s="133" t="s">
        <v>86</v>
      </c>
      <c r="O39" s="191" t="s">
        <v>86</v>
      </c>
      <c r="P39" s="191" t="s">
        <v>86</v>
      </c>
      <c r="Q39" s="227" t="s">
        <v>86</v>
      </c>
    </row>
    <row r="40" spans="1:51" ht="19.5" hidden="1" customHeight="1" thickTop="1" thickBot="1" x14ac:dyDescent="0.2">
      <c r="A40" s="167">
        <v>35</v>
      </c>
      <c r="B40" s="166" t="s">
        <v>115</v>
      </c>
      <c r="C40" s="210" t="s">
        <v>86</v>
      </c>
      <c r="D40" s="210" t="s">
        <v>86</v>
      </c>
      <c r="E40" s="228" t="s">
        <v>86</v>
      </c>
      <c r="F40" s="210" t="s">
        <v>86</v>
      </c>
      <c r="G40" s="210" t="s">
        <v>86</v>
      </c>
      <c r="H40" s="228" t="s">
        <v>86</v>
      </c>
      <c r="I40" s="134" t="s">
        <v>86</v>
      </c>
      <c r="J40" s="134" t="s">
        <v>86</v>
      </c>
      <c r="K40" s="133" t="s">
        <v>86</v>
      </c>
      <c r="L40" s="134" t="s">
        <v>86</v>
      </c>
      <c r="M40" s="134" t="s">
        <v>86</v>
      </c>
      <c r="N40" s="133" t="s">
        <v>86</v>
      </c>
      <c r="O40" s="191" t="s">
        <v>86</v>
      </c>
      <c r="P40" s="191" t="s">
        <v>86</v>
      </c>
      <c r="Q40" s="227" t="s">
        <v>86</v>
      </c>
    </row>
    <row r="41" spans="1:51" ht="19.5" hidden="1" customHeight="1" thickTop="1" thickBot="1" x14ac:dyDescent="0.2">
      <c r="A41" s="167">
        <v>36</v>
      </c>
      <c r="B41" s="166" t="s">
        <v>114</v>
      </c>
      <c r="C41" s="210" t="s">
        <v>86</v>
      </c>
      <c r="D41" s="210" t="s">
        <v>86</v>
      </c>
      <c r="E41" s="228" t="s">
        <v>86</v>
      </c>
      <c r="F41" s="210" t="s">
        <v>86</v>
      </c>
      <c r="G41" s="210" t="s">
        <v>86</v>
      </c>
      <c r="H41" s="228" t="s">
        <v>86</v>
      </c>
      <c r="I41" s="134" t="s">
        <v>86</v>
      </c>
      <c r="J41" s="134" t="s">
        <v>86</v>
      </c>
      <c r="K41" s="133" t="s">
        <v>86</v>
      </c>
      <c r="L41" s="134" t="s">
        <v>86</v>
      </c>
      <c r="M41" s="134" t="s">
        <v>86</v>
      </c>
      <c r="N41" s="133" t="s">
        <v>86</v>
      </c>
      <c r="O41" s="191" t="s">
        <v>86</v>
      </c>
      <c r="P41" s="191" t="s">
        <v>86</v>
      </c>
      <c r="Q41" s="227" t="s">
        <v>86</v>
      </c>
    </row>
    <row r="42" spans="1:51" ht="19.5" hidden="1" customHeight="1" thickTop="1" thickBot="1" x14ac:dyDescent="0.2">
      <c r="A42" s="167">
        <v>37</v>
      </c>
      <c r="B42" s="166" t="s">
        <v>112</v>
      </c>
      <c r="C42" s="210" t="s">
        <v>86</v>
      </c>
      <c r="D42" s="210" t="s">
        <v>86</v>
      </c>
      <c r="E42" s="228" t="s">
        <v>86</v>
      </c>
      <c r="F42" s="210" t="s">
        <v>86</v>
      </c>
      <c r="G42" s="210" t="s">
        <v>86</v>
      </c>
      <c r="H42" s="228" t="s">
        <v>86</v>
      </c>
      <c r="I42" s="134" t="s">
        <v>86</v>
      </c>
      <c r="J42" s="134" t="s">
        <v>86</v>
      </c>
      <c r="K42" s="133" t="s">
        <v>86</v>
      </c>
      <c r="L42" s="134" t="s">
        <v>86</v>
      </c>
      <c r="M42" s="134" t="s">
        <v>86</v>
      </c>
      <c r="N42" s="133" t="s">
        <v>86</v>
      </c>
      <c r="O42" s="191" t="s">
        <v>86</v>
      </c>
      <c r="P42" s="191" t="s">
        <v>86</v>
      </c>
      <c r="Q42" s="227" t="s">
        <v>86</v>
      </c>
    </row>
    <row r="43" spans="1:51" ht="19.5" customHeight="1" thickTop="1" x14ac:dyDescent="0.15">
      <c r="A43" s="161">
        <v>301</v>
      </c>
      <c r="B43" s="160" t="s">
        <v>110</v>
      </c>
      <c r="C43" s="226" t="s">
        <v>86</v>
      </c>
      <c r="D43" s="226" t="s">
        <v>86</v>
      </c>
      <c r="E43" s="225" t="s">
        <v>86</v>
      </c>
      <c r="F43" s="226" t="s">
        <v>86</v>
      </c>
      <c r="G43" s="226" t="s">
        <v>86</v>
      </c>
      <c r="H43" s="225" t="s">
        <v>86</v>
      </c>
      <c r="I43" s="223" t="s">
        <v>86</v>
      </c>
      <c r="J43" s="223" t="s">
        <v>86</v>
      </c>
      <c r="K43" s="224" t="s">
        <v>86</v>
      </c>
      <c r="L43" s="223" t="s">
        <v>86</v>
      </c>
      <c r="M43" s="223" t="s">
        <v>86</v>
      </c>
      <c r="N43" s="224" t="s">
        <v>86</v>
      </c>
      <c r="O43" s="223" t="s">
        <v>86</v>
      </c>
      <c r="P43" s="223" t="s">
        <v>113</v>
      </c>
      <c r="Q43" s="222" t="s">
        <v>113</v>
      </c>
      <c r="R43" s="406"/>
      <c r="S43" s="406"/>
      <c r="T43" s="406"/>
      <c r="U43" s="406"/>
      <c r="V43" s="406"/>
      <c r="W43" s="406"/>
      <c r="X43" s="406"/>
      <c r="Y43" s="406"/>
      <c r="Z43" s="406"/>
      <c r="AA43" s="406"/>
      <c r="AB43" s="406"/>
      <c r="AC43" s="406"/>
      <c r="AD43" s="406"/>
      <c r="AE43" s="406"/>
      <c r="AF43" s="406"/>
      <c r="AG43" s="406"/>
      <c r="AH43" s="406"/>
      <c r="AI43" s="406"/>
      <c r="AJ43" s="406"/>
      <c r="AK43" s="406"/>
    </row>
    <row r="44" spans="1:51" ht="19.5" customHeight="1" x14ac:dyDescent="0.15">
      <c r="A44" s="153">
        <v>302</v>
      </c>
      <c r="B44" s="152" t="s">
        <v>109</v>
      </c>
      <c r="C44" s="221" t="s">
        <v>86</v>
      </c>
      <c r="D44" s="221" t="s">
        <v>86</v>
      </c>
      <c r="E44" s="220" t="s">
        <v>86</v>
      </c>
      <c r="F44" s="221" t="s">
        <v>86</v>
      </c>
      <c r="G44" s="221" t="s">
        <v>86</v>
      </c>
      <c r="H44" s="220" t="s">
        <v>86</v>
      </c>
      <c r="I44" s="218" t="s">
        <v>86</v>
      </c>
      <c r="J44" s="218" t="s">
        <v>86</v>
      </c>
      <c r="K44" s="219" t="s">
        <v>86</v>
      </c>
      <c r="L44" s="218" t="s">
        <v>86</v>
      </c>
      <c r="M44" s="218" t="s">
        <v>86</v>
      </c>
      <c r="N44" s="219" t="s">
        <v>86</v>
      </c>
      <c r="O44" s="218" t="s">
        <v>86</v>
      </c>
      <c r="P44" s="218" t="s">
        <v>113</v>
      </c>
      <c r="Q44" s="217" t="s">
        <v>139</v>
      </c>
      <c r="R44" s="406"/>
      <c r="S44" s="406"/>
      <c r="T44" s="406"/>
      <c r="U44" s="406"/>
      <c r="V44" s="406"/>
      <c r="W44" s="406"/>
      <c r="X44" s="406"/>
      <c r="Y44" s="406"/>
      <c r="Z44" s="406"/>
      <c r="AA44" s="406"/>
      <c r="AB44" s="406"/>
      <c r="AC44" s="406"/>
      <c r="AD44" s="406"/>
      <c r="AE44" s="406"/>
      <c r="AF44" s="406"/>
      <c r="AG44" s="406"/>
      <c r="AH44" s="406"/>
      <c r="AI44" s="406"/>
      <c r="AJ44" s="406"/>
      <c r="AK44" s="406"/>
    </row>
    <row r="45" spans="1:51" ht="19.5" customHeight="1" x14ac:dyDescent="0.15">
      <c r="A45" s="153">
        <v>303</v>
      </c>
      <c r="B45" s="152" t="s">
        <v>108</v>
      </c>
      <c r="C45" s="221" t="s">
        <v>86</v>
      </c>
      <c r="D45" s="221" t="s">
        <v>86</v>
      </c>
      <c r="E45" s="220" t="s">
        <v>86</v>
      </c>
      <c r="F45" s="221" t="s">
        <v>86</v>
      </c>
      <c r="G45" s="221" t="s">
        <v>86</v>
      </c>
      <c r="H45" s="220" t="s">
        <v>86</v>
      </c>
      <c r="I45" s="218" t="s">
        <v>86</v>
      </c>
      <c r="J45" s="218" t="s">
        <v>86</v>
      </c>
      <c r="K45" s="219" t="s">
        <v>86</v>
      </c>
      <c r="L45" s="218" t="s">
        <v>86</v>
      </c>
      <c r="M45" s="218" t="s">
        <v>86</v>
      </c>
      <c r="N45" s="219" t="s">
        <v>86</v>
      </c>
      <c r="O45" s="218" t="s">
        <v>86</v>
      </c>
      <c r="P45" s="218" t="s">
        <v>113</v>
      </c>
      <c r="Q45" s="217" t="s">
        <v>113</v>
      </c>
      <c r="R45" s="406"/>
      <c r="S45" s="406"/>
      <c r="T45" s="406"/>
      <c r="U45" s="406"/>
      <c r="V45" s="406"/>
      <c r="W45" s="406"/>
      <c r="X45" s="406"/>
      <c r="Y45" s="406"/>
      <c r="Z45" s="406"/>
      <c r="AA45" s="406"/>
      <c r="AB45" s="406"/>
      <c r="AC45" s="406"/>
      <c r="AD45" s="406"/>
      <c r="AE45" s="406"/>
      <c r="AF45" s="406"/>
      <c r="AG45" s="406"/>
      <c r="AH45" s="406"/>
      <c r="AI45" s="406"/>
      <c r="AJ45" s="406"/>
      <c r="AK45" s="406"/>
    </row>
    <row r="46" spans="1:51" ht="19.5" customHeight="1" x14ac:dyDescent="0.15">
      <c r="A46" s="153">
        <v>304</v>
      </c>
      <c r="B46" s="152" t="s">
        <v>107</v>
      </c>
      <c r="C46" s="221" t="s">
        <v>86</v>
      </c>
      <c r="D46" s="221" t="s">
        <v>86</v>
      </c>
      <c r="E46" s="220" t="s">
        <v>86</v>
      </c>
      <c r="F46" s="221" t="s">
        <v>86</v>
      </c>
      <c r="G46" s="221" t="s">
        <v>86</v>
      </c>
      <c r="H46" s="220" t="s">
        <v>86</v>
      </c>
      <c r="I46" s="218" t="s">
        <v>86</v>
      </c>
      <c r="J46" s="218" t="s">
        <v>86</v>
      </c>
      <c r="K46" s="219" t="s">
        <v>86</v>
      </c>
      <c r="L46" s="218" t="s">
        <v>86</v>
      </c>
      <c r="M46" s="218" t="s">
        <v>86</v>
      </c>
      <c r="N46" s="219" t="s">
        <v>86</v>
      </c>
      <c r="O46" s="218" t="s">
        <v>86</v>
      </c>
      <c r="P46" s="218" t="s">
        <v>113</v>
      </c>
      <c r="Q46" s="217" t="s">
        <v>113</v>
      </c>
      <c r="R46" s="406"/>
      <c r="S46" s="406"/>
      <c r="T46" s="406"/>
      <c r="U46" s="406"/>
      <c r="V46" s="406"/>
      <c r="W46" s="406"/>
      <c r="X46" s="406"/>
      <c r="Y46" s="406"/>
      <c r="Z46" s="406"/>
      <c r="AA46" s="406"/>
      <c r="AB46" s="406"/>
      <c r="AC46" s="406"/>
      <c r="AD46" s="406"/>
      <c r="AE46" s="406"/>
      <c r="AF46" s="406"/>
      <c r="AG46" s="406"/>
      <c r="AH46" s="406"/>
      <c r="AI46" s="406"/>
      <c r="AJ46" s="406"/>
      <c r="AK46" s="406"/>
    </row>
    <row r="47" spans="1:51" ht="19.5" customHeight="1" x14ac:dyDescent="0.15">
      <c r="A47" s="153">
        <v>305</v>
      </c>
      <c r="B47" s="152" t="s">
        <v>106</v>
      </c>
      <c r="C47" s="221" t="s">
        <v>86</v>
      </c>
      <c r="D47" s="221" t="s">
        <v>86</v>
      </c>
      <c r="E47" s="220" t="s">
        <v>86</v>
      </c>
      <c r="F47" s="221" t="s">
        <v>86</v>
      </c>
      <c r="G47" s="221" t="s">
        <v>86</v>
      </c>
      <c r="H47" s="220" t="s">
        <v>86</v>
      </c>
      <c r="I47" s="218" t="s">
        <v>86</v>
      </c>
      <c r="J47" s="218" t="s">
        <v>86</v>
      </c>
      <c r="K47" s="219" t="s">
        <v>86</v>
      </c>
      <c r="L47" s="218" t="s">
        <v>86</v>
      </c>
      <c r="M47" s="218" t="s">
        <v>86</v>
      </c>
      <c r="N47" s="219" t="s">
        <v>86</v>
      </c>
      <c r="O47" s="218" t="s">
        <v>86</v>
      </c>
      <c r="P47" s="218" t="s">
        <v>113</v>
      </c>
      <c r="Q47" s="217" t="s">
        <v>113</v>
      </c>
      <c r="R47" s="406"/>
      <c r="S47" s="406"/>
      <c r="T47" s="406"/>
      <c r="U47" s="406"/>
      <c r="V47" s="406"/>
      <c r="W47" s="406"/>
      <c r="X47" s="406"/>
      <c r="Y47" s="406"/>
      <c r="Z47" s="406"/>
      <c r="AA47" s="406"/>
      <c r="AB47" s="406"/>
      <c r="AC47" s="406"/>
      <c r="AD47" s="406"/>
      <c r="AE47" s="406"/>
      <c r="AF47" s="406"/>
      <c r="AG47" s="406"/>
      <c r="AH47" s="406"/>
      <c r="AI47" s="406"/>
      <c r="AJ47" s="406"/>
      <c r="AK47" s="406"/>
    </row>
    <row r="48" spans="1:51" ht="19.5" customHeight="1" thickBot="1" x14ac:dyDescent="0.2">
      <c r="A48" s="146">
        <v>306</v>
      </c>
      <c r="B48" s="145" t="s">
        <v>105</v>
      </c>
      <c r="C48" s="216" t="s">
        <v>86</v>
      </c>
      <c r="D48" s="216" t="s">
        <v>86</v>
      </c>
      <c r="E48" s="215" t="s">
        <v>86</v>
      </c>
      <c r="F48" s="216" t="s">
        <v>86</v>
      </c>
      <c r="G48" s="216" t="s">
        <v>86</v>
      </c>
      <c r="H48" s="215" t="s">
        <v>86</v>
      </c>
      <c r="I48" s="213" t="s">
        <v>86</v>
      </c>
      <c r="J48" s="213" t="s">
        <v>86</v>
      </c>
      <c r="K48" s="214" t="s">
        <v>86</v>
      </c>
      <c r="L48" s="213" t="s">
        <v>86</v>
      </c>
      <c r="M48" s="213" t="s">
        <v>86</v>
      </c>
      <c r="N48" s="214" t="s">
        <v>86</v>
      </c>
      <c r="O48" s="213" t="s">
        <v>86</v>
      </c>
      <c r="P48" s="213" t="s">
        <v>113</v>
      </c>
      <c r="Q48" s="212" t="s">
        <v>113</v>
      </c>
      <c r="R48" s="406"/>
      <c r="S48" s="406"/>
      <c r="T48" s="406"/>
      <c r="U48" s="406"/>
      <c r="V48" s="406"/>
      <c r="W48" s="406"/>
      <c r="X48" s="406"/>
      <c r="Y48" s="406"/>
      <c r="Z48" s="406"/>
      <c r="AA48" s="406"/>
      <c r="AB48" s="406"/>
      <c r="AC48" s="406"/>
      <c r="AD48" s="406"/>
      <c r="AE48" s="406"/>
      <c r="AF48" s="406"/>
      <c r="AG48" s="406"/>
      <c r="AH48" s="406"/>
      <c r="AI48" s="406"/>
      <c r="AJ48" s="406"/>
      <c r="AK48" s="406"/>
      <c r="AL48" s="406"/>
      <c r="AM48" s="406"/>
      <c r="AN48" s="406"/>
      <c r="AO48" s="406"/>
      <c r="AP48" s="406"/>
      <c r="AQ48" s="406"/>
      <c r="AR48" s="406"/>
      <c r="AS48" s="406"/>
      <c r="AT48" s="406"/>
      <c r="AU48" s="406"/>
      <c r="AV48" s="406"/>
      <c r="AW48" s="406"/>
      <c r="AX48" s="406"/>
      <c r="AY48" s="406"/>
    </row>
    <row r="49" spans="1:35" ht="19.5" customHeight="1" thickTop="1" thickBot="1" x14ac:dyDescent="0.2">
      <c r="A49" s="138" t="s">
        <v>6</v>
      </c>
      <c r="B49" s="137"/>
      <c r="C49" s="211">
        <v>409795</v>
      </c>
      <c r="D49" s="210"/>
      <c r="E49" s="136">
        <v>-0.12</v>
      </c>
      <c r="F49" s="211">
        <v>433873</v>
      </c>
      <c r="G49" s="210"/>
      <c r="H49" s="133">
        <v>5.88</v>
      </c>
      <c r="I49" s="134">
        <v>483345</v>
      </c>
      <c r="J49" s="134"/>
      <c r="K49" s="133">
        <v>11.4</v>
      </c>
      <c r="L49" s="134">
        <v>506393</v>
      </c>
      <c r="M49" s="134"/>
      <c r="N49" s="133">
        <v>4.7699999999999996</v>
      </c>
      <c r="O49" s="128">
        <v>2512097</v>
      </c>
      <c r="P49" s="191"/>
      <c r="Q49" s="209">
        <v>396.08</v>
      </c>
    </row>
    <row r="50" spans="1:35" ht="19.5" customHeight="1" thickTop="1" thickBot="1" x14ac:dyDescent="0.2">
      <c r="A50" s="138" t="s">
        <v>138</v>
      </c>
      <c r="B50" s="137"/>
      <c r="C50" s="208" t="s">
        <v>86</v>
      </c>
      <c r="D50" s="208"/>
      <c r="E50" s="207" t="s">
        <v>86</v>
      </c>
      <c r="F50" s="208" t="s">
        <v>86</v>
      </c>
      <c r="G50" s="208"/>
      <c r="H50" s="207" t="s">
        <v>86</v>
      </c>
      <c r="I50" s="205" t="s">
        <v>86</v>
      </c>
      <c r="J50" s="205"/>
      <c r="K50" s="206" t="s">
        <v>86</v>
      </c>
      <c r="L50" s="205" t="s">
        <v>86</v>
      </c>
      <c r="M50" s="205"/>
      <c r="N50" s="206" t="s">
        <v>86</v>
      </c>
      <c r="O50" s="205" t="s">
        <v>86</v>
      </c>
      <c r="P50" s="205"/>
      <c r="Q50" s="204" t="s">
        <v>113</v>
      </c>
      <c r="R50" s="406"/>
      <c r="S50" s="406"/>
      <c r="T50" s="406"/>
      <c r="U50" s="406"/>
      <c r="V50" s="406"/>
      <c r="W50" s="406"/>
      <c r="X50" s="406"/>
      <c r="Y50" s="406"/>
      <c r="Z50" s="406"/>
      <c r="AA50" s="406"/>
      <c r="AB50" s="406"/>
      <c r="AC50" s="406"/>
      <c r="AD50" s="406"/>
      <c r="AE50" s="406"/>
      <c r="AF50" s="406"/>
      <c r="AG50" s="406"/>
      <c r="AH50" s="406"/>
      <c r="AI50" s="406"/>
    </row>
    <row r="51" spans="1:35" ht="19.5" customHeight="1" thickTop="1" thickBot="1" x14ac:dyDescent="0.2">
      <c r="A51" s="126" t="s">
        <v>133</v>
      </c>
      <c r="B51" s="125"/>
      <c r="C51" s="203">
        <v>409795</v>
      </c>
      <c r="D51" s="202"/>
      <c r="E51" s="124">
        <v>-0.12</v>
      </c>
      <c r="F51" s="203">
        <v>433873</v>
      </c>
      <c r="G51" s="202"/>
      <c r="H51" s="121">
        <v>5.88</v>
      </c>
      <c r="I51" s="122">
        <v>483345</v>
      </c>
      <c r="J51" s="122"/>
      <c r="K51" s="121">
        <v>11.4</v>
      </c>
      <c r="L51" s="122">
        <v>506393</v>
      </c>
      <c r="M51" s="122"/>
      <c r="N51" s="121">
        <v>4.7699999999999996</v>
      </c>
      <c r="O51" s="116">
        <v>2512097</v>
      </c>
      <c r="P51" s="190"/>
      <c r="Q51" s="201">
        <v>396.08</v>
      </c>
    </row>
  </sheetData>
  <mergeCells count="9">
    <mergeCell ref="A51:B51"/>
    <mergeCell ref="A49:B49"/>
    <mergeCell ref="A3:B5"/>
    <mergeCell ref="O3:Q3"/>
    <mergeCell ref="A50:B50"/>
    <mergeCell ref="C3:E3"/>
    <mergeCell ref="L3:N3"/>
    <mergeCell ref="F3:H3"/>
    <mergeCell ref="I3:K3"/>
  </mergeCells>
  <phoneticPr fontId="3"/>
  <printOptions horizontalCentered="1" gridLinesSet="0"/>
  <pageMargins left="0.59055118110236227" right="0.59055118110236227" top="0.59055118110236227" bottom="0.59055118110236227" header="0.51181102362204722" footer="0.19685039370078741"/>
  <pageSetup paperSize="9" scale="85" orientation="portrait" blackAndWhite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48"/>
  <sheetViews>
    <sheetView zoomScaleNormal="100" zoomScaleSheetLayoutView="100" workbookViewId="0"/>
  </sheetViews>
  <sheetFormatPr defaultColWidth="9" defaultRowHeight="10.8" x14ac:dyDescent="0.15"/>
  <cols>
    <col min="1" max="1" width="3.6640625" style="188" customWidth="1"/>
    <col min="2" max="2" width="10" style="188" customWidth="1"/>
    <col min="3" max="3" width="8.109375" style="188" customWidth="1"/>
    <col min="4" max="4" width="3.109375" style="188" customWidth="1"/>
    <col min="5" max="5" width="6.109375" style="188" customWidth="1"/>
    <col min="6" max="6" width="8.109375" style="188" customWidth="1"/>
    <col min="7" max="7" width="3.109375" style="188" customWidth="1"/>
    <col min="8" max="8" width="6.109375" style="188" customWidth="1"/>
    <col min="9" max="9" width="8.109375" style="188" customWidth="1"/>
    <col min="10" max="10" width="3.109375" style="188" customWidth="1"/>
    <col min="11" max="11" width="6.109375" style="188" customWidth="1"/>
    <col min="12" max="12" width="8.109375" style="188" customWidth="1"/>
    <col min="13" max="13" width="3.109375" style="188" customWidth="1"/>
    <col min="14" max="14" width="6.109375" style="188" customWidth="1"/>
    <col min="15" max="15" width="8.109375" style="188" customWidth="1"/>
    <col min="16" max="16" width="3.109375" style="188" customWidth="1"/>
    <col min="17" max="17" width="6.109375" style="188" customWidth="1"/>
    <col min="18" max="16384" width="9" style="188"/>
  </cols>
  <sheetData>
    <row r="1" spans="1:17" ht="16.5" customHeight="1" x14ac:dyDescent="0.2">
      <c r="A1" s="189" t="s">
        <v>146</v>
      </c>
      <c r="O1" s="234"/>
    </row>
    <row r="2" spans="1:17" ht="10.5" customHeight="1" thickBot="1" x14ac:dyDescent="0.2">
      <c r="O2" s="200"/>
    </row>
    <row r="3" spans="1:17" ht="15" customHeight="1" x14ac:dyDescent="0.2">
      <c r="A3" s="187" t="s">
        <v>60</v>
      </c>
      <c r="B3" s="186"/>
      <c r="C3" s="183" t="s">
        <v>132</v>
      </c>
      <c r="D3" s="183"/>
      <c r="E3" s="183"/>
      <c r="F3" s="183" t="s">
        <v>131</v>
      </c>
      <c r="G3" s="185"/>
      <c r="H3" s="185"/>
      <c r="I3" s="183" t="s">
        <v>130</v>
      </c>
      <c r="J3" s="183"/>
      <c r="K3" s="183"/>
      <c r="L3" s="183" t="s">
        <v>129</v>
      </c>
      <c r="M3" s="185"/>
      <c r="N3" s="233"/>
      <c r="O3" s="183" t="s">
        <v>145</v>
      </c>
      <c r="P3" s="185"/>
      <c r="Q3" s="197"/>
    </row>
    <row r="4" spans="1:17" ht="12.75" customHeight="1" x14ac:dyDescent="0.15">
      <c r="A4" s="175"/>
      <c r="B4" s="174"/>
      <c r="C4" s="179" t="s">
        <v>123</v>
      </c>
      <c r="D4" s="177" t="s">
        <v>122</v>
      </c>
      <c r="E4" s="179" t="s">
        <v>127</v>
      </c>
      <c r="F4" s="180" t="s">
        <v>123</v>
      </c>
      <c r="G4" s="177" t="s">
        <v>122</v>
      </c>
      <c r="H4" s="179" t="s">
        <v>126</v>
      </c>
      <c r="I4" s="180" t="s">
        <v>123</v>
      </c>
      <c r="J4" s="177" t="s">
        <v>122</v>
      </c>
      <c r="K4" s="180" t="s">
        <v>125</v>
      </c>
      <c r="L4" s="180" t="s">
        <v>123</v>
      </c>
      <c r="M4" s="177" t="s">
        <v>122</v>
      </c>
      <c r="N4" s="196" t="s">
        <v>124</v>
      </c>
      <c r="O4" s="180" t="s">
        <v>123</v>
      </c>
      <c r="P4" s="177" t="s">
        <v>122</v>
      </c>
      <c r="Q4" s="176" t="s">
        <v>121</v>
      </c>
    </row>
    <row r="5" spans="1:17" s="403" customFormat="1" ht="12.75" customHeight="1" x14ac:dyDescent="0.15">
      <c r="A5" s="175"/>
      <c r="B5" s="174"/>
      <c r="C5" s="171" t="s">
        <v>119</v>
      </c>
      <c r="D5" s="170" t="s">
        <v>118</v>
      </c>
      <c r="E5" s="171" t="s">
        <v>120</v>
      </c>
      <c r="F5" s="171" t="s">
        <v>119</v>
      </c>
      <c r="G5" s="170" t="s">
        <v>118</v>
      </c>
      <c r="H5" s="171" t="s">
        <v>144</v>
      </c>
      <c r="I5" s="171" t="s">
        <v>119</v>
      </c>
      <c r="J5" s="170" t="s">
        <v>118</v>
      </c>
      <c r="K5" s="171" t="s">
        <v>120</v>
      </c>
      <c r="L5" s="171" t="s">
        <v>119</v>
      </c>
      <c r="M5" s="170" t="s">
        <v>118</v>
      </c>
      <c r="N5" s="195" t="s">
        <v>120</v>
      </c>
      <c r="O5" s="171" t="s">
        <v>119</v>
      </c>
      <c r="P5" s="170" t="s">
        <v>118</v>
      </c>
      <c r="Q5" s="194" t="s">
        <v>120</v>
      </c>
    </row>
    <row r="6" spans="1:17" ht="19.5" customHeight="1" x14ac:dyDescent="0.15">
      <c r="A6" s="168">
        <v>1</v>
      </c>
      <c r="B6" s="152" t="s">
        <v>50</v>
      </c>
      <c r="C6" s="244">
        <v>515127</v>
      </c>
      <c r="D6" s="244">
        <v>9</v>
      </c>
      <c r="E6" s="243">
        <v>-1.48</v>
      </c>
      <c r="F6" s="244">
        <v>523793</v>
      </c>
      <c r="G6" s="244">
        <v>8</v>
      </c>
      <c r="H6" s="243">
        <v>1.68</v>
      </c>
      <c r="I6" s="148">
        <v>525933</v>
      </c>
      <c r="J6" s="148">
        <v>6</v>
      </c>
      <c r="K6" s="151">
        <v>0.41</v>
      </c>
      <c r="L6" s="148">
        <v>535153</v>
      </c>
      <c r="M6" s="148">
        <v>9</v>
      </c>
      <c r="N6" s="151">
        <v>1.75</v>
      </c>
      <c r="O6" s="148">
        <v>514923</v>
      </c>
      <c r="P6" s="148">
        <v>8</v>
      </c>
      <c r="Q6" s="242">
        <v>-3.78</v>
      </c>
    </row>
    <row r="7" spans="1:17" ht="19.5" customHeight="1" x14ac:dyDescent="0.15">
      <c r="A7" s="153">
        <v>2</v>
      </c>
      <c r="B7" s="152" t="s">
        <v>49</v>
      </c>
      <c r="C7" s="244">
        <v>546557</v>
      </c>
      <c r="D7" s="244">
        <v>2</v>
      </c>
      <c r="E7" s="243">
        <v>-1.77</v>
      </c>
      <c r="F7" s="244">
        <v>546933</v>
      </c>
      <c r="G7" s="244">
        <v>2</v>
      </c>
      <c r="H7" s="243">
        <v>7.0000000000000007E-2</v>
      </c>
      <c r="I7" s="148">
        <v>546567</v>
      </c>
      <c r="J7" s="148">
        <v>1</v>
      </c>
      <c r="K7" s="151">
        <v>-7.0000000000000007E-2</v>
      </c>
      <c r="L7" s="148">
        <v>557041</v>
      </c>
      <c r="M7" s="148">
        <v>1</v>
      </c>
      <c r="N7" s="151">
        <v>1.92</v>
      </c>
      <c r="O7" s="148">
        <v>540112</v>
      </c>
      <c r="P7" s="148">
        <v>2</v>
      </c>
      <c r="Q7" s="242">
        <v>-3.04</v>
      </c>
    </row>
    <row r="8" spans="1:17" ht="19.5" customHeight="1" x14ac:dyDescent="0.15">
      <c r="A8" s="153">
        <v>3</v>
      </c>
      <c r="B8" s="152" t="s">
        <v>48</v>
      </c>
      <c r="C8" s="244">
        <v>526250</v>
      </c>
      <c r="D8" s="244">
        <v>4</v>
      </c>
      <c r="E8" s="243">
        <v>-1.42</v>
      </c>
      <c r="F8" s="244">
        <v>531374</v>
      </c>
      <c r="G8" s="244">
        <v>5</v>
      </c>
      <c r="H8" s="243">
        <v>0.97</v>
      </c>
      <c r="I8" s="148">
        <v>536577</v>
      </c>
      <c r="J8" s="148">
        <v>3</v>
      </c>
      <c r="K8" s="151">
        <v>0.98</v>
      </c>
      <c r="L8" s="148">
        <v>546279</v>
      </c>
      <c r="M8" s="148">
        <v>4</v>
      </c>
      <c r="N8" s="151">
        <v>1.81</v>
      </c>
      <c r="O8" s="148">
        <v>521157</v>
      </c>
      <c r="P8" s="148">
        <v>5</v>
      </c>
      <c r="Q8" s="242">
        <v>-4.5999999999999996</v>
      </c>
    </row>
    <row r="9" spans="1:17" ht="19.5" customHeight="1" x14ac:dyDescent="0.15">
      <c r="A9" s="153">
        <v>4</v>
      </c>
      <c r="B9" s="152" t="s">
        <v>47</v>
      </c>
      <c r="C9" s="244">
        <v>494199</v>
      </c>
      <c r="D9" s="244">
        <v>18</v>
      </c>
      <c r="E9" s="243">
        <v>-0.31</v>
      </c>
      <c r="F9" s="244">
        <v>506448</v>
      </c>
      <c r="G9" s="244">
        <v>14</v>
      </c>
      <c r="H9" s="243">
        <v>2.48</v>
      </c>
      <c r="I9" s="148">
        <v>506238</v>
      </c>
      <c r="J9" s="148">
        <v>15</v>
      </c>
      <c r="K9" s="151">
        <v>-0.04</v>
      </c>
      <c r="L9" s="148">
        <v>510392</v>
      </c>
      <c r="M9" s="148">
        <v>19</v>
      </c>
      <c r="N9" s="151">
        <v>0.82</v>
      </c>
      <c r="O9" s="148">
        <v>482677</v>
      </c>
      <c r="P9" s="148">
        <v>20</v>
      </c>
      <c r="Q9" s="242">
        <v>-5.43</v>
      </c>
    </row>
    <row r="10" spans="1:17" ht="19.5" customHeight="1" x14ac:dyDescent="0.15">
      <c r="A10" s="153">
        <v>5</v>
      </c>
      <c r="B10" s="152" t="s">
        <v>46</v>
      </c>
      <c r="C10" s="244">
        <v>483478</v>
      </c>
      <c r="D10" s="244">
        <v>24</v>
      </c>
      <c r="E10" s="243">
        <v>-0.89</v>
      </c>
      <c r="F10" s="244">
        <v>482769</v>
      </c>
      <c r="G10" s="244">
        <v>28</v>
      </c>
      <c r="H10" s="243">
        <v>-0.15</v>
      </c>
      <c r="I10" s="148">
        <v>486445</v>
      </c>
      <c r="J10" s="148">
        <v>23</v>
      </c>
      <c r="K10" s="151">
        <v>0.76</v>
      </c>
      <c r="L10" s="148">
        <v>500833</v>
      </c>
      <c r="M10" s="148">
        <v>26</v>
      </c>
      <c r="N10" s="151">
        <v>2.96</v>
      </c>
      <c r="O10" s="148">
        <v>474091</v>
      </c>
      <c r="P10" s="148">
        <v>24</v>
      </c>
      <c r="Q10" s="242">
        <v>-5.34</v>
      </c>
    </row>
    <row r="11" spans="1:17" ht="19.5" customHeight="1" x14ac:dyDescent="0.15">
      <c r="A11" s="153">
        <v>6</v>
      </c>
      <c r="B11" s="152" t="s">
        <v>45</v>
      </c>
      <c r="C11" s="244">
        <v>488711</v>
      </c>
      <c r="D11" s="244">
        <v>22</v>
      </c>
      <c r="E11" s="243">
        <v>-2.46</v>
      </c>
      <c r="F11" s="244">
        <v>491289</v>
      </c>
      <c r="G11" s="244">
        <v>21</v>
      </c>
      <c r="H11" s="243">
        <v>0.53</v>
      </c>
      <c r="I11" s="148">
        <v>483189</v>
      </c>
      <c r="J11" s="148">
        <v>25</v>
      </c>
      <c r="K11" s="151">
        <v>-1.65</v>
      </c>
      <c r="L11" s="148">
        <v>516616</v>
      </c>
      <c r="M11" s="148">
        <v>15</v>
      </c>
      <c r="N11" s="151">
        <v>6.92</v>
      </c>
      <c r="O11" s="148">
        <v>488313</v>
      </c>
      <c r="P11" s="148">
        <v>14</v>
      </c>
      <c r="Q11" s="242">
        <v>-5.48</v>
      </c>
    </row>
    <row r="12" spans="1:17" ht="19.5" customHeight="1" x14ac:dyDescent="0.15">
      <c r="A12" s="153">
        <v>7</v>
      </c>
      <c r="B12" s="152" t="s">
        <v>44</v>
      </c>
      <c r="C12" s="244">
        <v>505808</v>
      </c>
      <c r="D12" s="244">
        <v>10</v>
      </c>
      <c r="E12" s="243">
        <v>-4.59</v>
      </c>
      <c r="F12" s="244">
        <v>518706</v>
      </c>
      <c r="G12" s="244">
        <v>9</v>
      </c>
      <c r="H12" s="243">
        <v>2.5499999999999998</v>
      </c>
      <c r="I12" s="148">
        <v>528402</v>
      </c>
      <c r="J12" s="148">
        <v>5</v>
      </c>
      <c r="K12" s="151">
        <v>1.87</v>
      </c>
      <c r="L12" s="148">
        <v>548678</v>
      </c>
      <c r="M12" s="148">
        <v>3</v>
      </c>
      <c r="N12" s="151">
        <v>3.84</v>
      </c>
      <c r="O12" s="148">
        <v>520897</v>
      </c>
      <c r="P12" s="148">
        <v>6</v>
      </c>
      <c r="Q12" s="242">
        <v>-5.0599999999999996</v>
      </c>
    </row>
    <row r="13" spans="1:17" ht="19.5" customHeight="1" x14ac:dyDescent="0.15">
      <c r="A13" s="153">
        <v>8</v>
      </c>
      <c r="B13" s="152" t="s">
        <v>43</v>
      </c>
      <c r="C13" s="244">
        <v>476720</v>
      </c>
      <c r="D13" s="244">
        <v>27</v>
      </c>
      <c r="E13" s="243">
        <v>-2.6</v>
      </c>
      <c r="F13" s="244">
        <v>483715</v>
      </c>
      <c r="G13" s="244">
        <v>27</v>
      </c>
      <c r="H13" s="243">
        <v>1.47</v>
      </c>
      <c r="I13" s="148">
        <v>487215</v>
      </c>
      <c r="J13" s="148">
        <v>22</v>
      </c>
      <c r="K13" s="151">
        <v>0.72</v>
      </c>
      <c r="L13" s="148">
        <v>502863</v>
      </c>
      <c r="M13" s="148">
        <v>22</v>
      </c>
      <c r="N13" s="151">
        <v>3.21</v>
      </c>
      <c r="O13" s="148">
        <v>477148</v>
      </c>
      <c r="P13" s="148">
        <v>23</v>
      </c>
      <c r="Q13" s="242">
        <v>-5.1100000000000003</v>
      </c>
    </row>
    <row r="14" spans="1:17" ht="19.5" customHeight="1" x14ac:dyDescent="0.15">
      <c r="A14" s="153">
        <v>9</v>
      </c>
      <c r="B14" s="152" t="s">
        <v>42</v>
      </c>
      <c r="C14" s="244">
        <v>521917</v>
      </c>
      <c r="D14" s="244">
        <v>6</v>
      </c>
      <c r="E14" s="243">
        <v>-1.84</v>
      </c>
      <c r="F14" s="244">
        <v>544881</v>
      </c>
      <c r="G14" s="244">
        <v>4</v>
      </c>
      <c r="H14" s="243">
        <v>4.4000000000000004</v>
      </c>
      <c r="I14" s="148">
        <v>519052</v>
      </c>
      <c r="J14" s="148">
        <v>10</v>
      </c>
      <c r="K14" s="151">
        <v>-4.74</v>
      </c>
      <c r="L14" s="148">
        <v>533088</v>
      </c>
      <c r="M14" s="148">
        <v>10</v>
      </c>
      <c r="N14" s="151">
        <v>2.7</v>
      </c>
      <c r="O14" s="148">
        <v>516202</v>
      </c>
      <c r="P14" s="148">
        <v>7</v>
      </c>
      <c r="Q14" s="242">
        <v>-3.17</v>
      </c>
    </row>
    <row r="15" spans="1:17" ht="19.5" customHeight="1" x14ac:dyDescent="0.15">
      <c r="A15" s="153">
        <v>10</v>
      </c>
      <c r="B15" s="152" t="s">
        <v>41</v>
      </c>
      <c r="C15" s="244">
        <v>496330</v>
      </c>
      <c r="D15" s="244">
        <v>15</v>
      </c>
      <c r="E15" s="243">
        <v>-0.84</v>
      </c>
      <c r="F15" s="244">
        <v>495162</v>
      </c>
      <c r="G15" s="244">
        <v>18</v>
      </c>
      <c r="H15" s="243">
        <v>-0.24</v>
      </c>
      <c r="I15" s="148">
        <v>501648</v>
      </c>
      <c r="J15" s="148">
        <v>18</v>
      </c>
      <c r="K15" s="151">
        <v>1.31</v>
      </c>
      <c r="L15" s="148">
        <v>507191</v>
      </c>
      <c r="M15" s="148">
        <v>20</v>
      </c>
      <c r="N15" s="151">
        <v>1.1000000000000001</v>
      </c>
      <c r="O15" s="148">
        <v>487714</v>
      </c>
      <c r="P15" s="148">
        <v>15</v>
      </c>
      <c r="Q15" s="242">
        <v>-3.84</v>
      </c>
    </row>
    <row r="16" spans="1:17" ht="19.5" customHeight="1" x14ac:dyDescent="0.15">
      <c r="A16" s="153">
        <v>11</v>
      </c>
      <c r="B16" s="152" t="s">
        <v>40</v>
      </c>
      <c r="C16" s="244">
        <v>496246</v>
      </c>
      <c r="D16" s="244">
        <v>17</v>
      </c>
      <c r="E16" s="243">
        <v>-9.59</v>
      </c>
      <c r="F16" s="244">
        <v>513890</v>
      </c>
      <c r="G16" s="244">
        <v>12</v>
      </c>
      <c r="H16" s="243">
        <v>3.56</v>
      </c>
      <c r="I16" s="148">
        <v>522359</v>
      </c>
      <c r="J16" s="148">
        <v>7</v>
      </c>
      <c r="K16" s="151">
        <v>1.65</v>
      </c>
      <c r="L16" s="148">
        <v>537333</v>
      </c>
      <c r="M16" s="148">
        <v>8</v>
      </c>
      <c r="N16" s="151">
        <v>2.87</v>
      </c>
      <c r="O16" s="148">
        <v>521234</v>
      </c>
      <c r="P16" s="148">
        <v>4</v>
      </c>
      <c r="Q16" s="242">
        <v>-3</v>
      </c>
    </row>
    <row r="17" spans="1:17" ht="19.5" customHeight="1" x14ac:dyDescent="0.15">
      <c r="A17" s="153">
        <v>12</v>
      </c>
      <c r="B17" s="152" t="s">
        <v>39</v>
      </c>
      <c r="C17" s="244">
        <v>458445</v>
      </c>
      <c r="D17" s="244">
        <v>30</v>
      </c>
      <c r="E17" s="243">
        <v>-0.11</v>
      </c>
      <c r="F17" s="244">
        <v>463588</v>
      </c>
      <c r="G17" s="244">
        <v>30</v>
      </c>
      <c r="H17" s="243">
        <v>1.1200000000000001</v>
      </c>
      <c r="I17" s="148">
        <v>467608</v>
      </c>
      <c r="J17" s="148">
        <v>29</v>
      </c>
      <c r="K17" s="151">
        <v>0.87</v>
      </c>
      <c r="L17" s="148">
        <v>486892</v>
      </c>
      <c r="M17" s="148">
        <v>31</v>
      </c>
      <c r="N17" s="151">
        <v>4.12</v>
      </c>
      <c r="O17" s="148">
        <v>467508</v>
      </c>
      <c r="P17" s="148">
        <v>26</v>
      </c>
      <c r="Q17" s="242">
        <v>-3.98</v>
      </c>
    </row>
    <row r="18" spans="1:17" ht="19.5" customHeight="1" x14ac:dyDescent="0.15">
      <c r="A18" s="153">
        <v>13</v>
      </c>
      <c r="B18" s="152" t="s">
        <v>38</v>
      </c>
      <c r="C18" s="244">
        <v>499557</v>
      </c>
      <c r="D18" s="244">
        <v>13</v>
      </c>
      <c r="E18" s="243">
        <v>0.21</v>
      </c>
      <c r="F18" s="244">
        <v>481768</v>
      </c>
      <c r="G18" s="244">
        <v>29</v>
      </c>
      <c r="H18" s="243">
        <v>-3.56</v>
      </c>
      <c r="I18" s="148">
        <v>489506</v>
      </c>
      <c r="J18" s="148">
        <v>21</v>
      </c>
      <c r="K18" s="151">
        <v>1.61</v>
      </c>
      <c r="L18" s="148">
        <v>493759</v>
      </c>
      <c r="M18" s="148">
        <v>28</v>
      </c>
      <c r="N18" s="151">
        <v>0.87</v>
      </c>
      <c r="O18" s="148">
        <v>471232</v>
      </c>
      <c r="P18" s="148">
        <v>25</v>
      </c>
      <c r="Q18" s="242">
        <v>-4.5599999999999996</v>
      </c>
    </row>
    <row r="19" spans="1:17" ht="19.5" customHeight="1" x14ac:dyDescent="0.15">
      <c r="A19" s="153">
        <v>14</v>
      </c>
      <c r="B19" s="152" t="s">
        <v>37</v>
      </c>
      <c r="C19" s="244">
        <v>498478</v>
      </c>
      <c r="D19" s="244">
        <v>14</v>
      </c>
      <c r="E19" s="243">
        <v>0.18</v>
      </c>
      <c r="F19" s="244">
        <v>493050</v>
      </c>
      <c r="G19" s="244">
        <v>19</v>
      </c>
      <c r="H19" s="243">
        <v>-1.0900000000000001</v>
      </c>
      <c r="I19" s="148">
        <v>497607</v>
      </c>
      <c r="J19" s="148">
        <v>19</v>
      </c>
      <c r="K19" s="151">
        <v>0.92</v>
      </c>
      <c r="L19" s="148">
        <v>501214</v>
      </c>
      <c r="M19" s="148">
        <v>25</v>
      </c>
      <c r="N19" s="151">
        <v>0.72</v>
      </c>
      <c r="O19" s="148">
        <v>501393</v>
      </c>
      <c r="P19" s="148">
        <v>10</v>
      </c>
      <c r="Q19" s="242">
        <v>0.04</v>
      </c>
    </row>
    <row r="20" spans="1:17" ht="19.5" customHeight="1" x14ac:dyDescent="0.15">
      <c r="A20" s="153">
        <v>15</v>
      </c>
      <c r="B20" s="152" t="s">
        <v>36</v>
      </c>
      <c r="C20" s="244">
        <v>492675</v>
      </c>
      <c r="D20" s="244">
        <v>20</v>
      </c>
      <c r="E20" s="243">
        <v>-1.08</v>
      </c>
      <c r="F20" s="244">
        <v>492711</v>
      </c>
      <c r="G20" s="244">
        <v>20</v>
      </c>
      <c r="H20" s="243">
        <v>0.01</v>
      </c>
      <c r="I20" s="148">
        <v>504496</v>
      </c>
      <c r="J20" s="148">
        <v>16</v>
      </c>
      <c r="K20" s="151">
        <v>2.39</v>
      </c>
      <c r="L20" s="148">
        <v>514640</v>
      </c>
      <c r="M20" s="148">
        <v>16</v>
      </c>
      <c r="N20" s="151">
        <v>2.0099999999999998</v>
      </c>
      <c r="O20" s="148">
        <v>511581</v>
      </c>
      <c r="P20" s="148">
        <v>9</v>
      </c>
      <c r="Q20" s="242">
        <v>-0.59</v>
      </c>
    </row>
    <row r="21" spans="1:17" ht="19.5" customHeight="1" x14ac:dyDescent="0.15">
      <c r="A21" s="153">
        <v>16</v>
      </c>
      <c r="B21" s="152" t="s">
        <v>35</v>
      </c>
      <c r="C21" s="244">
        <v>450063</v>
      </c>
      <c r="D21" s="244">
        <v>31</v>
      </c>
      <c r="E21" s="243">
        <v>-0.66</v>
      </c>
      <c r="F21" s="244">
        <v>461970</v>
      </c>
      <c r="G21" s="244">
        <v>31</v>
      </c>
      <c r="H21" s="243">
        <v>2.65</v>
      </c>
      <c r="I21" s="148">
        <v>456575</v>
      </c>
      <c r="J21" s="148">
        <v>32</v>
      </c>
      <c r="K21" s="151">
        <v>-1.17</v>
      </c>
      <c r="L21" s="148">
        <v>471362</v>
      </c>
      <c r="M21" s="148">
        <v>32</v>
      </c>
      <c r="N21" s="151">
        <v>3.24</v>
      </c>
      <c r="O21" s="148">
        <v>460658</v>
      </c>
      <c r="P21" s="148">
        <v>30</v>
      </c>
      <c r="Q21" s="242">
        <v>-2.27</v>
      </c>
    </row>
    <row r="22" spans="1:17" ht="19.5" customHeight="1" x14ac:dyDescent="0.15">
      <c r="A22" s="153">
        <v>17</v>
      </c>
      <c r="B22" s="152" t="s">
        <v>34</v>
      </c>
      <c r="C22" s="244">
        <v>482118</v>
      </c>
      <c r="D22" s="244">
        <v>26</v>
      </c>
      <c r="E22" s="243">
        <v>-3.65</v>
      </c>
      <c r="F22" s="244">
        <v>490670</v>
      </c>
      <c r="G22" s="244">
        <v>22</v>
      </c>
      <c r="H22" s="243">
        <v>1.77</v>
      </c>
      <c r="I22" s="148">
        <v>494934</v>
      </c>
      <c r="J22" s="148">
        <v>20</v>
      </c>
      <c r="K22" s="151">
        <v>0.87</v>
      </c>
      <c r="L22" s="148">
        <v>501892</v>
      </c>
      <c r="M22" s="148">
        <v>24</v>
      </c>
      <c r="N22" s="151">
        <v>1.41</v>
      </c>
      <c r="O22" s="148">
        <v>478326</v>
      </c>
      <c r="P22" s="148">
        <v>22</v>
      </c>
      <c r="Q22" s="242">
        <v>-4.7</v>
      </c>
    </row>
    <row r="23" spans="1:17" ht="19.5" customHeight="1" x14ac:dyDescent="0.15">
      <c r="A23" s="153">
        <v>18</v>
      </c>
      <c r="B23" s="152" t="s">
        <v>33</v>
      </c>
      <c r="C23" s="244">
        <v>504756</v>
      </c>
      <c r="D23" s="244">
        <v>11</v>
      </c>
      <c r="E23" s="243">
        <v>-2.81</v>
      </c>
      <c r="F23" s="244">
        <v>507249</v>
      </c>
      <c r="G23" s="244">
        <v>13</v>
      </c>
      <c r="H23" s="243">
        <v>0.49</v>
      </c>
      <c r="I23" s="148">
        <v>474249</v>
      </c>
      <c r="J23" s="148">
        <v>28</v>
      </c>
      <c r="K23" s="151">
        <v>-6.51</v>
      </c>
      <c r="L23" s="148">
        <v>518535</v>
      </c>
      <c r="M23" s="148">
        <v>14</v>
      </c>
      <c r="N23" s="151">
        <v>9.34</v>
      </c>
      <c r="O23" s="148">
        <v>463578</v>
      </c>
      <c r="P23" s="148">
        <v>28</v>
      </c>
      <c r="Q23" s="242">
        <v>-10.6</v>
      </c>
    </row>
    <row r="24" spans="1:17" ht="19.5" customHeight="1" x14ac:dyDescent="0.15">
      <c r="A24" s="153">
        <v>19</v>
      </c>
      <c r="B24" s="152" t="s">
        <v>32</v>
      </c>
      <c r="C24" s="244">
        <v>467477</v>
      </c>
      <c r="D24" s="244">
        <v>28</v>
      </c>
      <c r="E24" s="243">
        <v>-3.28</v>
      </c>
      <c r="F24" s="244">
        <v>486343</v>
      </c>
      <c r="G24" s="244">
        <v>25</v>
      </c>
      <c r="H24" s="243">
        <v>4.04</v>
      </c>
      <c r="I24" s="148">
        <v>479309</v>
      </c>
      <c r="J24" s="148">
        <v>27</v>
      </c>
      <c r="K24" s="151">
        <v>-1.45</v>
      </c>
      <c r="L24" s="148">
        <v>514061</v>
      </c>
      <c r="M24" s="148">
        <v>17</v>
      </c>
      <c r="N24" s="151">
        <v>7.25</v>
      </c>
      <c r="O24" s="148">
        <v>478679</v>
      </c>
      <c r="P24" s="148">
        <v>21</v>
      </c>
      <c r="Q24" s="242">
        <v>-6.88</v>
      </c>
    </row>
    <row r="25" spans="1:17" ht="19.5" customHeight="1" x14ac:dyDescent="0.15">
      <c r="A25" s="153">
        <v>20</v>
      </c>
      <c r="B25" s="152" t="s">
        <v>31</v>
      </c>
      <c r="C25" s="244">
        <v>488404</v>
      </c>
      <c r="D25" s="244">
        <v>23</v>
      </c>
      <c r="E25" s="243">
        <v>-5.65</v>
      </c>
      <c r="F25" s="244">
        <v>496043</v>
      </c>
      <c r="G25" s="244">
        <v>16</v>
      </c>
      <c r="H25" s="243">
        <v>1.56</v>
      </c>
      <c r="I25" s="148">
        <v>481982</v>
      </c>
      <c r="J25" s="148">
        <v>26</v>
      </c>
      <c r="K25" s="151">
        <v>-2.83</v>
      </c>
      <c r="L25" s="148">
        <v>488969</v>
      </c>
      <c r="M25" s="148">
        <v>30</v>
      </c>
      <c r="N25" s="151">
        <v>1.45</v>
      </c>
      <c r="O25" s="148">
        <v>484670</v>
      </c>
      <c r="P25" s="148">
        <v>19</v>
      </c>
      <c r="Q25" s="242">
        <v>-0.88</v>
      </c>
    </row>
    <row r="26" spans="1:17" ht="19.5" customHeight="1" x14ac:dyDescent="0.15">
      <c r="A26" s="153">
        <v>21</v>
      </c>
      <c r="B26" s="152" t="s">
        <v>30</v>
      </c>
      <c r="C26" s="244">
        <v>467001</v>
      </c>
      <c r="D26" s="244">
        <v>29</v>
      </c>
      <c r="E26" s="243">
        <v>0.21</v>
      </c>
      <c r="F26" s="244">
        <v>484990</v>
      </c>
      <c r="G26" s="244">
        <v>26</v>
      </c>
      <c r="H26" s="243">
        <v>3.85</v>
      </c>
      <c r="I26" s="148">
        <v>502250</v>
      </c>
      <c r="J26" s="148">
        <v>17</v>
      </c>
      <c r="K26" s="151">
        <v>3.56</v>
      </c>
      <c r="L26" s="148">
        <v>506135</v>
      </c>
      <c r="M26" s="148">
        <v>21</v>
      </c>
      <c r="N26" s="151">
        <v>0.77</v>
      </c>
      <c r="O26" s="148">
        <v>484944</v>
      </c>
      <c r="P26" s="148">
        <v>18</v>
      </c>
      <c r="Q26" s="242">
        <v>-4.1900000000000004</v>
      </c>
    </row>
    <row r="27" spans="1:17" ht="19.5" customHeight="1" x14ac:dyDescent="0.15">
      <c r="A27" s="153">
        <v>22</v>
      </c>
      <c r="B27" s="152" t="s">
        <v>29</v>
      </c>
      <c r="C27" s="244">
        <v>482149</v>
      </c>
      <c r="D27" s="244">
        <v>25</v>
      </c>
      <c r="E27" s="243">
        <v>-1.05</v>
      </c>
      <c r="F27" s="244">
        <v>488713</v>
      </c>
      <c r="G27" s="244">
        <v>24</v>
      </c>
      <c r="H27" s="243">
        <v>1.36</v>
      </c>
      <c r="I27" s="148">
        <v>512476</v>
      </c>
      <c r="J27" s="148">
        <v>14</v>
      </c>
      <c r="K27" s="151">
        <v>4.8600000000000003</v>
      </c>
      <c r="L27" s="148">
        <v>502344</v>
      </c>
      <c r="M27" s="148">
        <v>23</v>
      </c>
      <c r="N27" s="151">
        <v>-1.98</v>
      </c>
      <c r="O27" s="148">
        <v>484971</v>
      </c>
      <c r="P27" s="148">
        <v>17</v>
      </c>
      <c r="Q27" s="242">
        <v>-3.46</v>
      </c>
    </row>
    <row r="28" spans="1:17" ht="19.5" customHeight="1" x14ac:dyDescent="0.15">
      <c r="A28" s="153">
        <v>23</v>
      </c>
      <c r="B28" s="152" t="s">
        <v>28</v>
      </c>
      <c r="C28" s="244">
        <v>489871</v>
      </c>
      <c r="D28" s="244">
        <v>21</v>
      </c>
      <c r="E28" s="243">
        <v>-2.36</v>
      </c>
      <c r="F28" s="244">
        <v>495808</v>
      </c>
      <c r="G28" s="244">
        <v>17</v>
      </c>
      <c r="H28" s="243">
        <v>1.21</v>
      </c>
      <c r="I28" s="148">
        <v>465879</v>
      </c>
      <c r="J28" s="148">
        <v>30</v>
      </c>
      <c r="K28" s="151">
        <v>-6.04</v>
      </c>
      <c r="L28" s="148">
        <v>489989</v>
      </c>
      <c r="M28" s="148">
        <v>29</v>
      </c>
      <c r="N28" s="151">
        <v>5.18</v>
      </c>
      <c r="O28" s="148">
        <v>455290</v>
      </c>
      <c r="P28" s="148">
        <v>31</v>
      </c>
      <c r="Q28" s="242">
        <v>-7.08</v>
      </c>
    </row>
    <row r="29" spans="1:17" ht="19.5" customHeight="1" x14ac:dyDescent="0.15">
      <c r="A29" s="153">
        <v>24</v>
      </c>
      <c r="B29" s="152" t="s">
        <v>27</v>
      </c>
      <c r="C29" s="244">
        <v>496316</v>
      </c>
      <c r="D29" s="244">
        <v>16</v>
      </c>
      <c r="E29" s="243">
        <v>0.38</v>
      </c>
      <c r="F29" s="244">
        <v>515116</v>
      </c>
      <c r="G29" s="244">
        <v>11</v>
      </c>
      <c r="H29" s="243">
        <v>3.79</v>
      </c>
      <c r="I29" s="148">
        <v>463464</v>
      </c>
      <c r="J29" s="148">
        <v>31</v>
      </c>
      <c r="K29" s="151">
        <v>-10.029999999999999</v>
      </c>
      <c r="L29" s="148">
        <v>500279</v>
      </c>
      <c r="M29" s="148">
        <v>27</v>
      </c>
      <c r="N29" s="151">
        <v>7.94</v>
      </c>
      <c r="O29" s="148">
        <v>487130</v>
      </c>
      <c r="P29" s="148">
        <v>16</v>
      </c>
      <c r="Q29" s="242">
        <v>-2.63</v>
      </c>
    </row>
    <row r="30" spans="1:17" ht="19.5" customHeight="1" x14ac:dyDescent="0.15">
      <c r="A30" s="153">
        <v>25</v>
      </c>
      <c r="B30" s="152" t="s">
        <v>26</v>
      </c>
      <c r="C30" s="244">
        <v>434369</v>
      </c>
      <c r="D30" s="244">
        <v>33</v>
      </c>
      <c r="E30" s="243">
        <v>-6.48</v>
      </c>
      <c r="F30" s="244">
        <v>438524</v>
      </c>
      <c r="G30" s="244">
        <v>32</v>
      </c>
      <c r="H30" s="243">
        <v>0.96</v>
      </c>
      <c r="I30" s="148">
        <v>430959</v>
      </c>
      <c r="J30" s="148">
        <v>33</v>
      </c>
      <c r="K30" s="151">
        <v>-1.73</v>
      </c>
      <c r="L30" s="148">
        <v>459145</v>
      </c>
      <c r="M30" s="148">
        <v>33</v>
      </c>
      <c r="N30" s="151">
        <v>6.54</v>
      </c>
      <c r="O30" s="148">
        <v>420886</v>
      </c>
      <c r="P30" s="148">
        <v>33</v>
      </c>
      <c r="Q30" s="242">
        <v>-8.33</v>
      </c>
    </row>
    <row r="31" spans="1:17" ht="19.5" customHeight="1" x14ac:dyDescent="0.15">
      <c r="A31" s="153">
        <v>26</v>
      </c>
      <c r="B31" s="152" t="s">
        <v>25</v>
      </c>
      <c r="C31" s="244">
        <v>519953</v>
      </c>
      <c r="D31" s="244">
        <v>7</v>
      </c>
      <c r="E31" s="243">
        <v>-2.4900000000000002</v>
      </c>
      <c r="F31" s="244">
        <v>528243</v>
      </c>
      <c r="G31" s="244">
        <v>6</v>
      </c>
      <c r="H31" s="243">
        <v>1.59</v>
      </c>
      <c r="I31" s="148">
        <v>520335</v>
      </c>
      <c r="J31" s="148">
        <v>9</v>
      </c>
      <c r="K31" s="151">
        <v>-1.5</v>
      </c>
      <c r="L31" s="148">
        <v>538516</v>
      </c>
      <c r="M31" s="148">
        <v>7</v>
      </c>
      <c r="N31" s="151">
        <v>3.49</v>
      </c>
      <c r="O31" s="148">
        <v>461516</v>
      </c>
      <c r="P31" s="148">
        <v>29</v>
      </c>
      <c r="Q31" s="242">
        <v>-14.3</v>
      </c>
    </row>
    <row r="32" spans="1:17" ht="19.5" customHeight="1" x14ac:dyDescent="0.15">
      <c r="A32" s="153">
        <v>27</v>
      </c>
      <c r="B32" s="152" t="s">
        <v>24</v>
      </c>
      <c r="C32" s="244">
        <v>595639</v>
      </c>
      <c r="D32" s="244">
        <v>1</v>
      </c>
      <c r="E32" s="243">
        <v>10.3</v>
      </c>
      <c r="F32" s="244">
        <v>525133</v>
      </c>
      <c r="G32" s="244">
        <v>7</v>
      </c>
      <c r="H32" s="243">
        <v>-11.84</v>
      </c>
      <c r="I32" s="148">
        <v>537932</v>
      </c>
      <c r="J32" s="148">
        <v>2</v>
      </c>
      <c r="K32" s="151">
        <v>2.44</v>
      </c>
      <c r="L32" s="148">
        <v>555886</v>
      </c>
      <c r="M32" s="148">
        <v>2</v>
      </c>
      <c r="N32" s="151">
        <v>3.34</v>
      </c>
      <c r="O32" s="148">
        <v>527687</v>
      </c>
      <c r="P32" s="148">
        <v>3</v>
      </c>
      <c r="Q32" s="242">
        <v>-5.07</v>
      </c>
    </row>
    <row r="33" spans="1:17" ht="19.5" customHeight="1" x14ac:dyDescent="0.15">
      <c r="A33" s="153">
        <v>28</v>
      </c>
      <c r="B33" s="152" t="s">
        <v>23</v>
      </c>
      <c r="C33" s="244">
        <v>535687</v>
      </c>
      <c r="D33" s="244">
        <v>3</v>
      </c>
      <c r="E33" s="243">
        <v>14.38</v>
      </c>
      <c r="F33" s="244">
        <v>556978</v>
      </c>
      <c r="G33" s="244">
        <v>1</v>
      </c>
      <c r="H33" s="243">
        <v>3.97</v>
      </c>
      <c r="I33" s="148">
        <v>520852</v>
      </c>
      <c r="J33" s="148">
        <v>8</v>
      </c>
      <c r="K33" s="151">
        <v>-6.49</v>
      </c>
      <c r="L33" s="148">
        <v>523783</v>
      </c>
      <c r="M33" s="148">
        <v>11</v>
      </c>
      <c r="N33" s="151">
        <v>0.56000000000000005</v>
      </c>
      <c r="O33" s="148">
        <v>491882</v>
      </c>
      <c r="P33" s="148">
        <v>13</v>
      </c>
      <c r="Q33" s="242">
        <v>-6.09</v>
      </c>
    </row>
    <row r="34" spans="1:17" ht="19.5" customHeight="1" x14ac:dyDescent="0.15">
      <c r="A34" s="153">
        <v>29</v>
      </c>
      <c r="B34" s="152" t="s">
        <v>22</v>
      </c>
      <c r="C34" s="244">
        <v>522482</v>
      </c>
      <c r="D34" s="244">
        <v>5</v>
      </c>
      <c r="E34" s="243">
        <v>-9.1300000000000008</v>
      </c>
      <c r="F34" s="244">
        <v>546033</v>
      </c>
      <c r="G34" s="244">
        <v>3</v>
      </c>
      <c r="H34" s="243">
        <v>4.51</v>
      </c>
      <c r="I34" s="148">
        <v>515668</v>
      </c>
      <c r="J34" s="148">
        <v>11</v>
      </c>
      <c r="K34" s="151">
        <v>-5.56</v>
      </c>
      <c r="L34" s="148">
        <v>544027</v>
      </c>
      <c r="M34" s="148">
        <v>5</v>
      </c>
      <c r="N34" s="151">
        <v>5.5</v>
      </c>
      <c r="O34" s="148">
        <v>497476</v>
      </c>
      <c r="P34" s="148">
        <v>11</v>
      </c>
      <c r="Q34" s="242">
        <v>-8.56</v>
      </c>
    </row>
    <row r="35" spans="1:17" ht="19.5" customHeight="1" x14ac:dyDescent="0.15">
      <c r="A35" s="153">
        <v>30</v>
      </c>
      <c r="B35" s="152" t="s">
        <v>21</v>
      </c>
      <c r="C35" s="244">
        <v>515539</v>
      </c>
      <c r="D35" s="244">
        <v>8</v>
      </c>
      <c r="E35" s="243">
        <v>-6.37</v>
      </c>
      <c r="F35" s="244">
        <v>516200</v>
      </c>
      <c r="G35" s="244">
        <v>10</v>
      </c>
      <c r="H35" s="243">
        <v>0.13</v>
      </c>
      <c r="I35" s="148">
        <v>535830</v>
      </c>
      <c r="J35" s="148">
        <v>4</v>
      </c>
      <c r="K35" s="151">
        <v>3.8</v>
      </c>
      <c r="L35" s="148">
        <v>541500</v>
      </c>
      <c r="M35" s="148">
        <v>6</v>
      </c>
      <c r="N35" s="151">
        <v>1.06</v>
      </c>
      <c r="O35" s="148">
        <v>549797</v>
      </c>
      <c r="P35" s="148">
        <v>1</v>
      </c>
      <c r="Q35" s="242">
        <v>1.53</v>
      </c>
    </row>
    <row r="36" spans="1:17" ht="19.5" customHeight="1" x14ac:dyDescent="0.15">
      <c r="A36" s="153">
        <v>31</v>
      </c>
      <c r="B36" s="152" t="s">
        <v>20</v>
      </c>
      <c r="C36" s="244">
        <v>493317</v>
      </c>
      <c r="D36" s="244">
        <v>19</v>
      </c>
      <c r="E36" s="243">
        <v>-3.96</v>
      </c>
      <c r="F36" s="244">
        <v>504916</v>
      </c>
      <c r="G36" s="244">
        <v>15</v>
      </c>
      <c r="H36" s="243">
        <v>2.35</v>
      </c>
      <c r="I36" s="148">
        <v>483693</v>
      </c>
      <c r="J36" s="148">
        <v>24</v>
      </c>
      <c r="K36" s="151">
        <v>-4.2</v>
      </c>
      <c r="L36" s="148">
        <v>512460</v>
      </c>
      <c r="M36" s="148">
        <v>18</v>
      </c>
      <c r="N36" s="151">
        <v>5.95</v>
      </c>
      <c r="O36" s="148">
        <v>466580</v>
      </c>
      <c r="P36" s="148">
        <v>27</v>
      </c>
      <c r="Q36" s="242">
        <v>-8.9499999999999993</v>
      </c>
    </row>
    <row r="37" spans="1:17" ht="19.5" customHeight="1" x14ac:dyDescent="0.15">
      <c r="A37" s="153">
        <v>32</v>
      </c>
      <c r="B37" s="152" t="s">
        <v>19</v>
      </c>
      <c r="C37" s="244">
        <v>502699</v>
      </c>
      <c r="D37" s="244">
        <v>12</v>
      </c>
      <c r="E37" s="243">
        <v>-1.49</v>
      </c>
      <c r="F37" s="244">
        <v>488887</v>
      </c>
      <c r="G37" s="244">
        <v>23</v>
      </c>
      <c r="H37" s="243">
        <v>-2.75</v>
      </c>
      <c r="I37" s="148">
        <v>514534</v>
      </c>
      <c r="J37" s="148">
        <v>12</v>
      </c>
      <c r="K37" s="151">
        <v>5.25</v>
      </c>
      <c r="L37" s="148">
        <v>519394</v>
      </c>
      <c r="M37" s="148">
        <v>12</v>
      </c>
      <c r="N37" s="151">
        <v>0.94</v>
      </c>
      <c r="O37" s="148">
        <v>495874</v>
      </c>
      <c r="P37" s="148">
        <v>12</v>
      </c>
      <c r="Q37" s="242">
        <v>-4.53</v>
      </c>
    </row>
    <row r="38" spans="1:17" ht="19.5" customHeight="1" thickBot="1" x14ac:dyDescent="0.2">
      <c r="A38" s="146">
        <v>33</v>
      </c>
      <c r="B38" s="145" t="s">
        <v>18</v>
      </c>
      <c r="C38" s="241">
        <v>445099</v>
      </c>
      <c r="D38" s="241">
        <v>32</v>
      </c>
      <c r="E38" s="240">
        <v>11.91</v>
      </c>
      <c r="F38" s="241">
        <v>403916</v>
      </c>
      <c r="G38" s="241">
        <v>33</v>
      </c>
      <c r="H38" s="240">
        <v>-9.25</v>
      </c>
      <c r="I38" s="140">
        <v>514534</v>
      </c>
      <c r="J38" s="140">
        <v>12</v>
      </c>
      <c r="K38" s="144">
        <v>27.39</v>
      </c>
      <c r="L38" s="140">
        <v>519394</v>
      </c>
      <c r="M38" s="140">
        <v>12</v>
      </c>
      <c r="N38" s="144">
        <v>0.94</v>
      </c>
      <c r="O38" s="140">
        <v>447054</v>
      </c>
      <c r="P38" s="140">
        <v>32</v>
      </c>
      <c r="Q38" s="239">
        <v>-13.93</v>
      </c>
    </row>
    <row r="39" spans="1:17" ht="19.5" customHeight="1" thickTop="1" x14ac:dyDescent="0.15">
      <c r="A39" s="161">
        <v>301</v>
      </c>
      <c r="B39" s="160" t="s">
        <v>110</v>
      </c>
      <c r="C39" s="247">
        <v>374657</v>
      </c>
      <c r="D39" s="247">
        <v>6</v>
      </c>
      <c r="E39" s="246">
        <v>-1.61</v>
      </c>
      <c r="F39" s="247">
        <v>415216</v>
      </c>
      <c r="G39" s="247">
        <v>4</v>
      </c>
      <c r="H39" s="246">
        <v>10.83</v>
      </c>
      <c r="I39" s="155">
        <v>454863</v>
      </c>
      <c r="J39" s="155">
        <v>3</v>
      </c>
      <c r="K39" s="159">
        <v>9.5500000000000007</v>
      </c>
      <c r="L39" s="155">
        <v>431649</v>
      </c>
      <c r="M39" s="155">
        <v>4</v>
      </c>
      <c r="N39" s="159">
        <v>-5.0999999999999996</v>
      </c>
      <c r="O39" s="155">
        <v>364610</v>
      </c>
      <c r="P39" s="155">
        <v>6</v>
      </c>
      <c r="Q39" s="245">
        <v>-15.53</v>
      </c>
    </row>
    <row r="40" spans="1:17" ht="19.5" customHeight="1" x14ac:dyDescent="0.15">
      <c r="A40" s="153">
        <v>302</v>
      </c>
      <c r="B40" s="152" t="s">
        <v>109</v>
      </c>
      <c r="C40" s="244">
        <v>408944</v>
      </c>
      <c r="D40" s="244">
        <v>5</v>
      </c>
      <c r="E40" s="243">
        <v>-14.08</v>
      </c>
      <c r="F40" s="244">
        <v>412408</v>
      </c>
      <c r="G40" s="244">
        <v>6</v>
      </c>
      <c r="H40" s="243">
        <v>0.85</v>
      </c>
      <c r="I40" s="148">
        <v>432554</v>
      </c>
      <c r="J40" s="148">
        <v>5</v>
      </c>
      <c r="K40" s="151">
        <v>4.88</v>
      </c>
      <c r="L40" s="148">
        <v>428526</v>
      </c>
      <c r="M40" s="148">
        <v>6</v>
      </c>
      <c r="N40" s="151">
        <v>-0.93</v>
      </c>
      <c r="O40" s="148">
        <v>426880</v>
      </c>
      <c r="P40" s="148">
        <v>4</v>
      </c>
      <c r="Q40" s="242">
        <v>-0.38</v>
      </c>
    </row>
    <row r="41" spans="1:17" ht="19.5" customHeight="1" x14ac:dyDescent="0.15">
      <c r="A41" s="153">
        <v>303</v>
      </c>
      <c r="B41" s="152" t="s">
        <v>108</v>
      </c>
      <c r="C41" s="244">
        <v>535928</v>
      </c>
      <c r="D41" s="244">
        <v>2</v>
      </c>
      <c r="E41" s="243">
        <v>-1.34</v>
      </c>
      <c r="F41" s="244">
        <v>531971</v>
      </c>
      <c r="G41" s="244">
        <v>2</v>
      </c>
      <c r="H41" s="243">
        <v>-0.74</v>
      </c>
      <c r="I41" s="148">
        <v>447421</v>
      </c>
      <c r="J41" s="148">
        <v>4</v>
      </c>
      <c r="K41" s="151">
        <v>-15.89</v>
      </c>
      <c r="L41" s="148">
        <v>431302</v>
      </c>
      <c r="M41" s="148">
        <v>5</v>
      </c>
      <c r="N41" s="151">
        <v>-3.6</v>
      </c>
      <c r="O41" s="148">
        <v>497034</v>
      </c>
      <c r="P41" s="148">
        <v>2</v>
      </c>
      <c r="Q41" s="242">
        <v>15.24</v>
      </c>
    </row>
    <row r="42" spans="1:17" ht="19.5" customHeight="1" x14ac:dyDescent="0.15">
      <c r="A42" s="153">
        <v>304</v>
      </c>
      <c r="B42" s="152" t="s">
        <v>107</v>
      </c>
      <c r="C42" s="244">
        <v>468827</v>
      </c>
      <c r="D42" s="244">
        <v>3</v>
      </c>
      <c r="E42" s="243">
        <v>11.93</v>
      </c>
      <c r="F42" s="244">
        <v>415171</v>
      </c>
      <c r="G42" s="244">
        <v>5</v>
      </c>
      <c r="H42" s="243">
        <v>-11.44</v>
      </c>
      <c r="I42" s="148">
        <v>549894</v>
      </c>
      <c r="J42" s="148">
        <v>1</v>
      </c>
      <c r="K42" s="151">
        <v>32.450000000000003</v>
      </c>
      <c r="L42" s="148">
        <v>551521</v>
      </c>
      <c r="M42" s="148">
        <v>1</v>
      </c>
      <c r="N42" s="151">
        <v>0.3</v>
      </c>
      <c r="O42" s="148">
        <v>424842</v>
      </c>
      <c r="P42" s="148">
        <v>5</v>
      </c>
      <c r="Q42" s="242">
        <v>-22.97</v>
      </c>
    </row>
    <row r="43" spans="1:17" ht="19.5" customHeight="1" x14ac:dyDescent="0.15">
      <c r="A43" s="153">
        <v>305</v>
      </c>
      <c r="B43" s="152" t="s">
        <v>106</v>
      </c>
      <c r="C43" s="244">
        <v>456846</v>
      </c>
      <c r="D43" s="244">
        <v>4</v>
      </c>
      <c r="E43" s="243">
        <v>-8.4600000000000009</v>
      </c>
      <c r="F43" s="244">
        <v>457210</v>
      </c>
      <c r="G43" s="244">
        <v>3</v>
      </c>
      <c r="H43" s="243">
        <v>0.08</v>
      </c>
      <c r="I43" s="148">
        <v>407949</v>
      </c>
      <c r="J43" s="148">
        <v>6</v>
      </c>
      <c r="K43" s="151">
        <v>-10.77</v>
      </c>
      <c r="L43" s="148">
        <v>496069</v>
      </c>
      <c r="M43" s="148">
        <v>3</v>
      </c>
      <c r="N43" s="151">
        <v>21.6</v>
      </c>
      <c r="O43" s="148">
        <v>468185</v>
      </c>
      <c r="P43" s="148">
        <v>3</v>
      </c>
      <c r="Q43" s="242">
        <v>-5.62</v>
      </c>
    </row>
    <row r="44" spans="1:17" ht="19.5" customHeight="1" thickBot="1" x14ac:dyDescent="0.2">
      <c r="A44" s="146">
        <v>306</v>
      </c>
      <c r="B44" s="145" t="s">
        <v>105</v>
      </c>
      <c r="C44" s="241">
        <v>566685</v>
      </c>
      <c r="D44" s="241">
        <v>1</v>
      </c>
      <c r="E44" s="240">
        <v>2.29</v>
      </c>
      <c r="F44" s="241">
        <v>535052</v>
      </c>
      <c r="G44" s="241">
        <v>1</v>
      </c>
      <c r="H44" s="240">
        <v>-5.58</v>
      </c>
      <c r="I44" s="140">
        <v>486252</v>
      </c>
      <c r="J44" s="140">
        <v>2</v>
      </c>
      <c r="K44" s="144">
        <v>-9.1199999999999992</v>
      </c>
      <c r="L44" s="140">
        <v>501802</v>
      </c>
      <c r="M44" s="140">
        <v>2</v>
      </c>
      <c r="N44" s="144">
        <v>3.2</v>
      </c>
      <c r="O44" s="140">
        <v>533239</v>
      </c>
      <c r="P44" s="140">
        <v>1</v>
      </c>
      <c r="Q44" s="239">
        <v>6.26</v>
      </c>
    </row>
    <row r="45" spans="1:17" ht="19.5" customHeight="1" thickTop="1" thickBot="1" x14ac:dyDescent="0.2">
      <c r="A45" s="138" t="s">
        <v>6</v>
      </c>
      <c r="B45" s="137"/>
      <c r="C45" s="131">
        <v>508436</v>
      </c>
      <c r="D45" s="131"/>
      <c r="E45" s="238">
        <v>-1.55</v>
      </c>
      <c r="F45" s="131">
        <v>513485</v>
      </c>
      <c r="G45" s="131"/>
      <c r="H45" s="238">
        <v>0.99</v>
      </c>
      <c r="I45" s="134">
        <v>515301</v>
      </c>
      <c r="J45" s="134"/>
      <c r="K45" s="133">
        <v>0.35</v>
      </c>
      <c r="L45" s="134">
        <v>526456</v>
      </c>
      <c r="M45" s="134"/>
      <c r="N45" s="133">
        <v>2.16</v>
      </c>
      <c r="O45" s="134">
        <v>505721</v>
      </c>
      <c r="P45" s="191"/>
      <c r="Q45" s="237">
        <v>-3.94</v>
      </c>
    </row>
    <row r="46" spans="1:17" ht="19.5" customHeight="1" thickTop="1" thickBot="1" x14ac:dyDescent="0.2">
      <c r="A46" s="138" t="s">
        <v>143</v>
      </c>
      <c r="B46" s="137"/>
      <c r="C46" s="131">
        <v>523687</v>
      </c>
      <c r="D46" s="131"/>
      <c r="E46" s="238">
        <v>-0.61</v>
      </c>
      <c r="F46" s="131">
        <v>506285</v>
      </c>
      <c r="G46" s="131"/>
      <c r="H46" s="238">
        <v>-3.32</v>
      </c>
      <c r="I46" s="134">
        <v>518011</v>
      </c>
      <c r="J46" s="134"/>
      <c r="K46" s="133">
        <v>2.3199999999999998</v>
      </c>
      <c r="L46" s="134">
        <v>524247</v>
      </c>
      <c r="M46" s="134"/>
      <c r="N46" s="133">
        <v>1.2</v>
      </c>
      <c r="O46" s="134">
        <v>491707</v>
      </c>
      <c r="P46" s="191"/>
      <c r="Q46" s="237">
        <v>-6.21</v>
      </c>
    </row>
    <row r="47" spans="1:17" ht="19.5" customHeight="1" thickTop="1" thickBot="1" x14ac:dyDescent="0.2">
      <c r="A47" s="126" t="s">
        <v>142</v>
      </c>
      <c r="B47" s="125"/>
      <c r="C47" s="119">
        <v>508748</v>
      </c>
      <c r="D47" s="119"/>
      <c r="E47" s="236">
        <v>-1.53</v>
      </c>
      <c r="F47" s="119">
        <v>513341</v>
      </c>
      <c r="G47" s="119"/>
      <c r="H47" s="236">
        <v>0.9</v>
      </c>
      <c r="I47" s="122">
        <v>515355</v>
      </c>
      <c r="J47" s="122"/>
      <c r="K47" s="121">
        <v>0.39</v>
      </c>
      <c r="L47" s="122">
        <v>526412</v>
      </c>
      <c r="M47" s="122"/>
      <c r="N47" s="121">
        <v>2.15</v>
      </c>
      <c r="O47" s="122">
        <v>505440</v>
      </c>
      <c r="P47" s="190"/>
      <c r="Q47" s="235">
        <v>-3.98</v>
      </c>
    </row>
    <row r="48" spans="1:17" x14ac:dyDescent="0.15">
      <c r="A48" s="404"/>
      <c r="L48" s="403"/>
      <c r="M48" s="403"/>
      <c r="N48" s="403"/>
    </row>
  </sheetData>
  <mergeCells count="9">
    <mergeCell ref="O3:Q3"/>
    <mergeCell ref="A46:B46"/>
    <mergeCell ref="L3:N3"/>
    <mergeCell ref="A47:B47"/>
    <mergeCell ref="A45:B45"/>
    <mergeCell ref="A3:B5"/>
    <mergeCell ref="I3:K3"/>
    <mergeCell ref="F3:H3"/>
    <mergeCell ref="C3:E3"/>
  </mergeCells>
  <phoneticPr fontId="3"/>
  <printOptions horizontalCentered="1" gridLinesSet="0"/>
  <pageMargins left="0.59055118110236227" right="0.59055118110236227" top="0.59055118110236227" bottom="0.59055118110236227" header="0.19685039370078741" footer="0.23622047244094491"/>
  <pageSetup paperSize="9" scale="89" orientation="portrait" blackAndWhite="1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02"/>
  <sheetViews>
    <sheetView zoomScaleNormal="100" zoomScaleSheetLayoutView="100" workbookViewId="0">
      <pane xSplit="2" ySplit="6" topLeftCell="C7" activePane="bottomRight" state="frozen"/>
      <selection pane="topRight" activeCell="C1" sqref="C1"/>
      <selection pane="bottomLeft" activeCell="A7" sqref="A7"/>
      <selection pane="bottomRight" sqref="A1:N1"/>
    </sheetView>
  </sheetViews>
  <sheetFormatPr defaultColWidth="9" defaultRowHeight="10.8" x14ac:dyDescent="0.15"/>
  <cols>
    <col min="1" max="1" width="4" style="248" customWidth="1"/>
    <col min="2" max="2" width="9.6640625" style="248" customWidth="1"/>
    <col min="3" max="4" width="7.6640625" style="248" customWidth="1"/>
    <col min="5" max="5" width="4.109375" style="248" customWidth="1"/>
    <col min="6" max="8" width="7.6640625" style="248" customWidth="1"/>
    <col min="9" max="9" width="4.109375" style="248" customWidth="1"/>
    <col min="10" max="12" width="7.6640625" style="248" customWidth="1"/>
    <col min="13" max="13" width="4.109375" style="248" customWidth="1"/>
    <col min="14" max="16" width="7.6640625" style="248" customWidth="1"/>
    <col min="17" max="17" width="4.109375" style="248" customWidth="1"/>
    <col min="18" max="18" width="7.6640625" style="248" customWidth="1"/>
    <col min="19" max="23" width="5.6640625" style="248" customWidth="1"/>
    <col min="24" max="37" width="6.44140625" style="248" customWidth="1"/>
    <col min="38" max="16384" width="9" style="248"/>
  </cols>
  <sheetData>
    <row r="1" spans="1:25" ht="16.5" customHeight="1" x14ac:dyDescent="0.2">
      <c r="A1" s="392" t="s">
        <v>207</v>
      </c>
      <c r="B1" s="392"/>
      <c r="C1" s="392"/>
      <c r="D1" s="392"/>
      <c r="E1" s="392"/>
      <c r="F1" s="392"/>
      <c r="G1" s="392"/>
      <c r="H1" s="392"/>
      <c r="I1" s="392"/>
      <c r="J1" s="392"/>
      <c r="K1" s="392"/>
      <c r="L1" s="392"/>
      <c r="M1" s="392"/>
      <c r="N1" s="392"/>
      <c r="X1" s="391"/>
    </row>
    <row r="2" spans="1:25" ht="11.1" customHeight="1" thickBot="1" x14ac:dyDescent="0.2">
      <c r="X2" s="402"/>
      <c r="Y2" s="390"/>
    </row>
    <row r="3" spans="1:25" ht="11.4" customHeight="1" x14ac:dyDescent="0.15">
      <c r="A3" s="389" t="s">
        <v>60</v>
      </c>
      <c r="B3" s="388"/>
      <c r="C3" s="387" t="s">
        <v>206</v>
      </c>
      <c r="D3" s="386"/>
      <c r="E3" s="386"/>
      <c r="F3" s="386"/>
      <c r="G3" s="386"/>
      <c r="H3" s="386"/>
      <c r="I3" s="386"/>
      <c r="J3" s="385"/>
      <c r="K3" s="383" t="s">
        <v>205</v>
      </c>
      <c r="L3" s="382"/>
      <c r="M3" s="382"/>
      <c r="N3" s="384"/>
      <c r="O3" s="383" t="s">
        <v>204</v>
      </c>
      <c r="P3" s="382"/>
      <c r="Q3" s="382"/>
      <c r="R3" s="381"/>
      <c r="S3" s="380" t="s">
        <v>203</v>
      </c>
      <c r="T3" s="379"/>
      <c r="U3" s="379"/>
      <c r="V3" s="379"/>
      <c r="W3" s="378"/>
    </row>
    <row r="4" spans="1:25" ht="11.4" customHeight="1" x14ac:dyDescent="0.15">
      <c r="A4" s="367"/>
      <c r="B4" s="366"/>
      <c r="C4" s="377" t="s">
        <v>202</v>
      </c>
      <c r="D4" s="376"/>
      <c r="E4" s="376"/>
      <c r="F4" s="375"/>
      <c r="G4" s="377" t="s">
        <v>201</v>
      </c>
      <c r="H4" s="376"/>
      <c r="I4" s="376"/>
      <c r="J4" s="375"/>
      <c r="K4" s="373"/>
      <c r="L4" s="372"/>
      <c r="M4" s="372"/>
      <c r="N4" s="374"/>
      <c r="O4" s="373"/>
      <c r="P4" s="372"/>
      <c r="Q4" s="372"/>
      <c r="R4" s="371"/>
      <c r="S4" s="370"/>
      <c r="T4" s="369"/>
      <c r="U4" s="369"/>
      <c r="V4" s="369"/>
      <c r="W4" s="368"/>
    </row>
    <row r="5" spans="1:25" ht="11.4" customHeight="1" x14ac:dyDescent="0.15">
      <c r="A5" s="367"/>
      <c r="B5" s="366"/>
      <c r="C5" s="365" t="s">
        <v>200</v>
      </c>
      <c r="D5" s="365" t="s">
        <v>196</v>
      </c>
      <c r="E5" s="177" t="s">
        <v>122</v>
      </c>
      <c r="F5" s="364" t="s">
        <v>121</v>
      </c>
      <c r="G5" s="365" t="s">
        <v>200</v>
      </c>
      <c r="H5" s="365" t="s">
        <v>196</v>
      </c>
      <c r="I5" s="177" t="s">
        <v>122</v>
      </c>
      <c r="J5" s="364" t="s">
        <v>121</v>
      </c>
      <c r="K5" s="365" t="s">
        <v>200</v>
      </c>
      <c r="L5" s="365" t="s">
        <v>196</v>
      </c>
      <c r="M5" s="177" t="s">
        <v>122</v>
      </c>
      <c r="N5" s="364" t="s">
        <v>121</v>
      </c>
      <c r="O5" s="365" t="s">
        <v>200</v>
      </c>
      <c r="P5" s="365" t="s">
        <v>196</v>
      </c>
      <c r="Q5" s="177" t="s">
        <v>122</v>
      </c>
      <c r="R5" s="364" t="s">
        <v>121</v>
      </c>
      <c r="S5" s="363" t="s">
        <v>199</v>
      </c>
      <c r="T5" s="361"/>
      <c r="U5" s="362" t="s">
        <v>198</v>
      </c>
      <c r="V5" s="361"/>
      <c r="W5" s="360" t="s">
        <v>197</v>
      </c>
    </row>
    <row r="6" spans="1:25" s="250" customFormat="1" ht="11.4" customHeight="1" x14ac:dyDescent="0.15">
      <c r="A6" s="359"/>
      <c r="B6" s="358"/>
      <c r="C6" s="352" t="s">
        <v>196</v>
      </c>
      <c r="D6" s="357" t="s">
        <v>195</v>
      </c>
      <c r="E6" s="170" t="s">
        <v>118</v>
      </c>
      <c r="F6" s="353" t="s">
        <v>194</v>
      </c>
      <c r="G6" s="352" t="s">
        <v>196</v>
      </c>
      <c r="H6" s="356" t="s">
        <v>195</v>
      </c>
      <c r="I6" s="170" t="s">
        <v>118</v>
      </c>
      <c r="J6" s="353" t="s">
        <v>194</v>
      </c>
      <c r="K6" s="352" t="s">
        <v>196</v>
      </c>
      <c r="L6" s="355" t="s">
        <v>195</v>
      </c>
      <c r="M6" s="170" t="s">
        <v>118</v>
      </c>
      <c r="N6" s="353" t="s">
        <v>194</v>
      </c>
      <c r="O6" s="352" t="s">
        <v>196</v>
      </c>
      <c r="P6" s="355" t="s">
        <v>195</v>
      </c>
      <c r="Q6" s="170" t="s">
        <v>118</v>
      </c>
      <c r="R6" s="354" t="s">
        <v>194</v>
      </c>
      <c r="S6" s="353" t="s">
        <v>193</v>
      </c>
      <c r="T6" s="351" t="s">
        <v>192</v>
      </c>
      <c r="U6" s="352" t="s">
        <v>191</v>
      </c>
      <c r="V6" s="351" t="s">
        <v>190</v>
      </c>
      <c r="W6" s="350" t="s">
        <v>189</v>
      </c>
    </row>
    <row r="7" spans="1:25" s="295" customFormat="1" ht="12.15" customHeight="1" x14ac:dyDescent="0.15">
      <c r="A7" s="320">
        <v>1</v>
      </c>
      <c r="B7" s="336" t="s">
        <v>188</v>
      </c>
      <c r="C7" s="308">
        <v>772</v>
      </c>
      <c r="D7" s="309">
        <v>981</v>
      </c>
      <c r="E7" s="339">
        <v>14</v>
      </c>
      <c r="F7" s="318">
        <v>209</v>
      </c>
      <c r="G7" s="308">
        <v>435</v>
      </c>
      <c r="H7" s="307">
        <v>504</v>
      </c>
      <c r="I7" s="339">
        <v>10</v>
      </c>
      <c r="J7" s="318">
        <v>69</v>
      </c>
      <c r="K7" s="306">
        <v>670</v>
      </c>
      <c r="L7" s="328">
        <v>556</v>
      </c>
      <c r="M7" s="339">
        <v>9</v>
      </c>
      <c r="N7" s="318">
        <v>-114</v>
      </c>
      <c r="O7" s="317">
        <v>1877</v>
      </c>
      <c r="P7" s="317">
        <v>2041</v>
      </c>
      <c r="Q7" s="339">
        <v>11</v>
      </c>
      <c r="R7" s="315">
        <v>164</v>
      </c>
      <c r="S7" s="314">
        <v>0</v>
      </c>
      <c r="T7" s="313">
        <v>2</v>
      </c>
      <c r="U7" s="314">
        <v>0</v>
      </c>
      <c r="V7" s="313">
        <v>1</v>
      </c>
      <c r="W7" s="312">
        <v>2</v>
      </c>
    </row>
    <row r="8" spans="1:25" s="295" customFormat="1" ht="12.15" customHeight="1" x14ac:dyDescent="0.15">
      <c r="A8" s="320">
        <v>2</v>
      </c>
      <c r="B8" s="336" t="s">
        <v>187</v>
      </c>
      <c r="C8" s="308">
        <v>1135</v>
      </c>
      <c r="D8" s="309">
        <v>1337</v>
      </c>
      <c r="E8" s="316">
        <v>8</v>
      </c>
      <c r="F8" s="318">
        <v>202</v>
      </c>
      <c r="G8" s="308">
        <v>462</v>
      </c>
      <c r="H8" s="307">
        <v>496</v>
      </c>
      <c r="I8" s="316">
        <v>11</v>
      </c>
      <c r="J8" s="318">
        <v>34</v>
      </c>
      <c r="K8" s="306">
        <v>814</v>
      </c>
      <c r="L8" s="305">
        <v>576</v>
      </c>
      <c r="M8" s="316">
        <v>8</v>
      </c>
      <c r="N8" s="318">
        <v>-238</v>
      </c>
      <c r="O8" s="317">
        <v>2411</v>
      </c>
      <c r="P8" s="317">
        <v>2409</v>
      </c>
      <c r="Q8" s="316">
        <v>8</v>
      </c>
      <c r="R8" s="315">
        <v>-2</v>
      </c>
      <c r="S8" s="314">
        <v>0</v>
      </c>
      <c r="T8" s="313">
        <v>1</v>
      </c>
      <c r="U8" s="314">
        <v>6</v>
      </c>
      <c r="V8" s="313">
        <v>0</v>
      </c>
      <c r="W8" s="312">
        <v>2</v>
      </c>
    </row>
    <row r="9" spans="1:25" s="295" customFormat="1" ht="12.15" customHeight="1" x14ac:dyDescent="0.15">
      <c r="A9" s="320">
        <v>3</v>
      </c>
      <c r="B9" s="336" t="s">
        <v>186</v>
      </c>
      <c r="C9" s="308">
        <v>798</v>
      </c>
      <c r="D9" s="309">
        <v>731</v>
      </c>
      <c r="E9" s="316">
        <v>22</v>
      </c>
      <c r="F9" s="318">
        <v>-67</v>
      </c>
      <c r="G9" s="308">
        <v>592</v>
      </c>
      <c r="H9" s="307">
        <v>469</v>
      </c>
      <c r="I9" s="316">
        <v>12</v>
      </c>
      <c r="J9" s="318">
        <v>-123</v>
      </c>
      <c r="K9" s="306">
        <v>424</v>
      </c>
      <c r="L9" s="305">
        <v>713</v>
      </c>
      <c r="M9" s="316">
        <v>3</v>
      </c>
      <c r="N9" s="318">
        <v>289</v>
      </c>
      <c r="O9" s="317">
        <v>1814</v>
      </c>
      <c r="P9" s="317">
        <v>1913</v>
      </c>
      <c r="Q9" s="316">
        <v>15</v>
      </c>
      <c r="R9" s="315">
        <v>99</v>
      </c>
      <c r="S9" s="314">
        <v>0</v>
      </c>
      <c r="T9" s="313">
        <v>0</v>
      </c>
      <c r="U9" s="314">
        <v>4</v>
      </c>
      <c r="V9" s="313">
        <v>0</v>
      </c>
      <c r="W9" s="312">
        <v>0</v>
      </c>
    </row>
    <row r="10" spans="1:25" s="295" customFormat="1" ht="12.15" customHeight="1" x14ac:dyDescent="0.15">
      <c r="A10" s="320">
        <v>4</v>
      </c>
      <c r="B10" s="336" t="s">
        <v>185</v>
      </c>
      <c r="C10" s="308">
        <v>1228</v>
      </c>
      <c r="D10" s="309">
        <v>871</v>
      </c>
      <c r="E10" s="316">
        <v>18</v>
      </c>
      <c r="F10" s="318">
        <v>-357</v>
      </c>
      <c r="G10" s="308">
        <v>607</v>
      </c>
      <c r="H10" s="307">
        <v>589</v>
      </c>
      <c r="I10" s="316">
        <v>9</v>
      </c>
      <c r="J10" s="318">
        <v>-18</v>
      </c>
      <c r="K10" s="306">
        <v>491</v>
      </c>
      <c r="L10" s="305">
        <v>133</v>
      </c>
      <c r="M10" s="316">
        <v>17</v>
      </c>
      <c r="N10" s="318">
        <v>-358</v>
      </c>
      <c r="O10" s="317">
        <v>2326</v>
      </c>
      <c r="P10" s="317">
        <v>1593</v>
      </c>
      <c r="Q10" s="316">
        <v>19</v>
      </c>
      <c r="R10" s="315">
        <v>-733</v>
      </c>
      <c r="S10" s="314">
        <v>0</v>
      </c>
      <c r="T10" s="313">
        <v>0</v>
      </c>
      <c r="U10" s="314">
        <v>2</v>
      </c>
      <c r="V10" s="313">
        <v>0</v>
      </c>
      <c r="W10" s="312">
        <v>3</v>
      </c>
    </row>
    <row r="11" spans="1:25" s="295" customFormat="1" ht="12.15" customHeight="1" x14ac:dyDescent="0.15">
      <c r="A11" s="320">
        <v>5</v>
      </c>
      <c r="B11" s="336" t="s">
        <v>184</v>
      </c>
      <c r="C11" s="308">
        <v>930</v>
      </c>
      <c r="D11" s="309">
        <v>745</v>
      </c>
      <c r="E11" s="316">
        <v>21</v>
      </c>
      <c r="F11" s="318">
        <v>-185</v>
      </c>
      <c r="G11" s="308">
        <v>522</v>
      </c>
      <c r="H11" s="307">
        <v>634</v>
      </c>
      <c r="I11" s="316">
        <v>5</v>
      </c>
      <c r="J11" s="318">
        <v>112</v>
      </c>
      <c r="K11" s="306">
        <v>193</v>
      </c>
      <c r="L11" s="305">
        <v>0</v>
      </c>
      <c r="M11" s="316">
        <v>24</v>
      </c>
      <c r="N11" s="318">
        <v>-193</v>
      </c>
      <c r="O11" s="317">
        <v>1645</v>
      </c>
      <c r="P11" s="317">
        <v>1379</v>
      </c>
      <c r="Q11" s="316">
        <v>20</v>
      </c>
      <c r="R11" s="315">
        <v>-266</v>
      </c>
      <c r="S11" s="314">
        <v>0</v>
      </c>
      <c r="T11" s="313">
        <v>0</v>
      </c>
      <c r="U11" s="314">
        <v>1</v>
      </c>
      <c r="V11" s="313">
        <v>0</v>
      </c>
      <c r="W11" s="312">
        <v>1</v>
      </c>
    </row>
    <row r="12" spans="1:25" s="295" customFormat="1" ht="12.15" customHeight="1" x14ac:dyDescent="0.15">
      <c r="A12" s="320">
        <v>6</v>
      </c>
      <c r="B12" s="336" t="s">
        <v>183</v>
      </c>
      <c r="C12" s="308">
        <v>1470</v>
      </c>
      <c r="D12" s="309">
        <v>1507</v>
      </c>
      <c r="E12" s="316">
        <v>7</v>
      </c>
      <c r="F12" s="318">
        <v>37</v>
      </c>
      <c r="G12" s="308">
        <v>542</v>
      </c>
      <c r="H12" s="307">
        <v>606</v>
      </c>
      <c r="I12" s="316">
        <v>8</v>
      </c>
      <c r="J12" s="318">
        <v>64</v>
      </c>
      <c r="K12" s="306">
        <v>122</v>
      </c>
      <c r="L12" s="305">
        <v>309</v>
      </c>
      <c r="M12" s="316">
        <v>14</v>
      </c>
      <c r="N12" s="318">
        <v>187</v>
      </c>
      <c r="O12" s="317">
        <v>2134</v>
      </c>
      <c r="P12" s="317">
        <v>2422</v>
      </c>
      <c r="Q12" s="316">
        <v>7</v>
      </c>
      <c r="R12" s="315">
        <v>288</v>
      </c>
      <c r="S12" s="314">
        <v>0</v>
      </c>
      <c r="T12" s="313">
        <v>2</v>
      </c>
      <c r="U12" s="314">
        <v>5</v>
      </c>
      <c r="V12" s="313">
        <v>0</v>
      </c>
      <c r="W12" s="312">
        <v>2</v>
      </c>
    </row>
    <row r="13" spans="1:25" s="295" customFormat="1" ht="12.15" customHeight="1" x14ac:dyDescent="0.15">
      <c r="A13" s="320">
        <v>7</v>
      </c>
      <c r="B13" s="336" t="s">
        <v>182</v>
      </c>
      <c r="C13" s="308">
        <v>888</v>
      </c>
      <c r="D13" s="309">
        <v>1146</v>
      </c>
      <c r="E13" s="316">
        <v>13</v>
      </c>
      <c r="F13" s="318">
        <v>258</v>
      </c>
      <c r="G13" s="308">
        <v>467</v>
      </c>
      <c r="H13" s="307">
        <v>790</v>
      </c>
      <c r="I13" s="316">
        <v>3</v>
      </c>
      <c r="J13" s="318">
        <v>323</v>
      </c>
      <c r="K13" s="306">
        <v>190</v>
      </c>
      <c r="L13" s="305">
        <v>101</v>
      </c>
      <c r="M13" s="316">
        <v>18</v>
      </c>
      <c r="N13" s="318">
        <v>-89</v>
      </c>
      <c r="O13" s="317">
        <v>1545</v>
      </c>
      <c r="P13" s="317">
        <v>2037</v>
      </c>
      <c r="Q13" s="316">
        <v>12</v>
      </c>
      <c r="R13" s="315">
        <v>492</v>
      </c>
      <c r="S13" s="314">
        <v>0</v>
      </c>
      <c r="T13" s="313">
        <v>1</v>
      </c>
      <c r="U13" s="314">
        <v>4</v>
      </c>
      <c r="V13" s="313">
        <v>0</v>
      </c>
      <c r="W13" s="312">
        <v>3</v>
      </c>
    </row>
    <row r="14" spans="1:25" s="295" customFormat="1" ht="12.15" customHeight="1" x14ac:dyDescent="0.15">
      <c r="A14" s="320">
        <v>8</v>
      </c>
      <c r="B14" s="336" t="s">
        <v>181</v>
      </c>
      <c r="C14" s="308">
        <v>1603</v>
      </c>
      <c r="D14" s="309">
        <v>1313</v>
      </c>
      <c r="E14" s="316">
        <v>10</v>
      </c>
      <c r="F14" s="318">
        <v>-290</v>
      </c>
      <c r="G14" s="308">
        <v>846</v>
      </c>
      <c r="H14" s="307">
        <v>375</v>
      </c>
      <c r="I14" s="316">
        <v>17</v>
      </c>
      <c r="J14" s="318">
        <v>-471</v>
      </c>
      <c r="K14" s="306">
        <v>353</v>
      </c>
      <c r="L14" s="305">
        <v>257</v>
      </c>
      <c r="M14" s="316">
        <v>15</v>
      </c>
      <c r="N14" s="318">
        <v>-96</v>
      </c>
      <c r="O14" s="317">
        <v>2802</v>
      </c>
      <c r="P14" s="317">
        <v>1945</v>
      </c>
      <c r="Q14" s="316">
        <v>14</v>
      </c>
      <c r="R14" s="315">
        <v>-857</v>
      </c>
      <c r="S14" s="314">
        <v>0</v>
      </c>
      <c r="T14" s="313">
        <v>1</v>
      </c>
      <c r="U14" s="314">
        <v>5</v>
      </c>
      <c r="V14" s="313">
        <v>2</v>
      </c>
      <c r="W14" s="312">
        <v>0</v>
      </c>
    </row>
    <row r="15" spans="1:25" s="295" customFormat="1" ht="12.15" customHeight="1" x14ac:dyDescent="0.15">
      <c r="A15" s="320">
        <v>9</v>
      </c>
      <c r="B15" s="336" t="s">
        <v>180</v>
      </c>
      <c r="C15" s="308">
        <v>384</v>
      </c>
      <c r="D15" s="309">
        <v>25</v>
      </c>
      <c r="E15" s="316">
        <v>32</v>
      </c>
      <c r="F15" s="318">
        <v>-359</v>
      </c>
      <c r="G15" s="308">
        <v>223</v>
      </c>
      <c r="H15" s="307">
        <v>861</v>
      </c>
      <c r="I15" s="316">
        <v>2</v>
      </c>
      <c r="J15" s="318">
        <v>638</v>
      </c>
      <c r="K15" s="306">
        <v>0</v>
      </c>
      <c r="L15" s="305">
        <v>0</v>
      </c>
      <c r="M15" s="316">
        <v>24</v>
      </c>
      <c r="N15" s="318">
        <v>0</v>
      </c>
      <c r="O15" s="317">
        <v>607</v>
      </c>
      <c r="P15" s="317">
        <v>886</v>
      </c>
      <c r="Q15" s="316">
        <v>29</v>
      </c>
      <c r="R15" s="315">
        <v>279</v>
      </c>
      <c r="S15" s="314">
        <v>0</v>
      </c>
      <c r="T15" s="313">
        <v>0</v>
      </c>
      <c r="U15" s="314">
        <v>0</v>
      </c>
      <c r="V15" s="313">
        <v>0</v>
      </c>
      <c r="W15" s="312">
        <v>2</v>
      </c>
    </row>
    <row r="16" spans="1:25" s="295" customFormat="1" ht="12.15" customHeight="1" x14ac:dyDescent="0.15">
      <c r="A16" s="320">
        <v>10</v>
      </c>
      <c r="B16" s="336" t="s">
        <v>179</v>
      </c>
      <c r="C16" s="308">
        <v>971</v>
      </c>
      <c r="D16" s="309">
        <v>1888</v>
      </c>
      <c r="E16" s="316">
        <v>5</v>
      </c>
      <c r="F16" s="318">
        <v>917</v>
      </c>
      <c r="G16" s="308">
        <v>311</v>
      </c>
      <c r="H16" s="307">
        <v>300</v>
      </c>
      <c r="I16" s="316">
        <v>21</v>
      </c>
      <c r="J16" s="318">
        <v>-11</v>
      </c>
      <c r="K16" s="306">
        <v>660</v>
      </c>
      <c r="L16" s="305">
        <v>588</v>
      </c>
      <c r="M16" s="316">
        <v>7</v>
      </c>
      <c r="N16" s="318">
        <v>-72</v>
      </c>
      <c r="O16" s="317">
        <v>1942</v>
      </c>
      <c r="P16" s="317">
        <v>2776</v>
      </c>
      <c r="Q16" s="316">
        <v>2</v>
      </c>
      <c r="R16" s="315">
        <v>834</v>
      </c>
      <c r="S16" s="314">
        <v>0</v>
      </c>
      <c r="T16" s="313">
        <v>0</v>
      </c>
      <c r="U16" s="314">
        <v>0</v>
      </c>
      <c r="V16" s="313">
        <v>0</v>
      </c>
      <c r="W16" s="312">
        <v>0</v>
      </c>
    </row>
    <row r="17" spans="1:23" s="295" customFormat="1" ht="12.15" customHeight="1" x14ac:dyDescent="0.15">
      <c r="A17" s="320">
        <v>11</v>
      </c>
      <c r="B17" s="336" t="s">
        <v>178</v>
      </c>
      <c r="C17" s="308">
        <v>717</v>
      </c>
      <c r="D17" s="309">
        <v>866</v>
      </c>
      <c r="E17" s="316">
        <v>19</v>
      </c>
      <c r="F17" s="318">
        <v>149</v>
      </c>
      <c r="G17" s="308">
        <v>581</v>
      </c>
      <c r="H17" s="307">
        <v>465</v>
      </c>
      <c r="I17" s="316">
        <v>13</v>
      </c>
      <c r="J17" s="318">
        <v>-116</v>
      </c>
      <c r="K17" s="306">
        <v>506</v>
      </c>
      <c r="L17" s="305">
        <v>453</v>
      </c>
      <c r="M17" s="316">
        <v>12</v>
      </c>
      <c r="N17" s="318">
        <v>-53</v>
      </c>
      <c r="O17" s="317">
        <v>1804</v>
      </c>
      <c r="P17" s="317">
        <v>1784</v>
      </c>
      <c r="Q17" s="316">
        <v>16</v>
      </c>
      <c r="R17" s="315">
        <v>-20</v>
      </c>
      <c r="S17" s="314">
        <v>0</v>
      </c>
      <c r="T17" s="313">
        <v>0</v>
      </c>
      <c r="U17" s="314">
        <v>0</v>
      </c>
      <c r="V17" s="313">
        <v>0</v>
      </c>
      <c r="W17" s="312">
        <v>2</v>
      </c>
    </row>
    <row r="18" spans="1:23" s="295" customFormat="1" ht="12.15" customHeight="1" x14ac:dyDescent="0.15">
      <c r="A18" s="320">
        <v>12</v>
      </c>
      <c r="B18" s="336" t="s">
        <v>177</v>
      </c>
      <c r="C18" s="308">
        <v>857</v>
      </c>
      <c r="D18" s="309">
        <v>641</v>
      </c>
      <c r="E18" s="316">
        <v>26</v>
      </c>
      <c r="F18" s="318">
        <v>-216</v>
      </c>
      <c r="G18" s="308">
        <v>299</v>
      </c>
      <c r="H18" s="307">
        <v>448</v>
      </c>
      <c r="I18" s="316">
        <v>15</v>
      </c>
      <c r="J18" s="318">
        <v>149</v>
      </c>
      <c r="K18" s="306">
        <v>71</v>
      </c>
      <c r="L18" s="305">
        <v>83</v>
      </c>
      <c r="M18" s="316">
        <v>19</v>
      </c>
      <c r="N18" s="318">
        <v>12</v>
      </c>
      <c r="O18" s="317">
        <v>1227</v>
      </c>
      <c r="P18" s="317">
        <v>1172</v>
      </c>
      <c r="Q18" s="316">
        <v>25</v>
      </c>
      <c r="R18" s="315">
        <v>-55</v>
      </c>
      <c r="S18" s="314">
        <v>0</v>
      </c>
      <c r="T18" s="313">
        <v>1</v>
      </c>
      <c r="U18" s="314">
        <v>4</v>
      </c>
      <c r="V18" s="313">
        <v>0</v>
      </c>
      <c r="W18" s="312">
        <v>3</v>
      </c>
    </row>
    <row r="19" spans="1:23" s="295" customFormat="1" ht="12.15" customHeight="1" x14ac:dyDescent="0.15">
      <c r="A19" s="320">
        <v>13</v>
      </c>
      <c r="B19" s="336" t="s">
        <v>176</v>
      </c>
      <c r="C19" s="308">
        <v>1148</v>
      </c>
      <c r="D19" s="309">
        <v>326</v>
      </c>
      <c r="E19" s="316">
        <v>28</v>
      </c>
      <c r="F19" s="318">
        <v>-822</v>
      </c>
      <c r="G19" s="308">
        <v>417</v>
      </c>
      <c r="H19" s="307">
        <v>384</v>
      </c>
      <c r="I19" s="316">
        <v>16</v>
      </c>
      <c r="J19" s="318">
        <v>-33</v>
      </c>
      <c r="K19" s="306">
        <v>543</v>
      </c>
      <c r="L19" s="305">
        <v>553</v>
      </c>
      <c r="M19" s="316">
        <v>10</v>
      </c>
      <c r="N19" s="318">
        <v>10</v>
      </c>
      <c r="O19" s="317">
        <v>2108</v>
      </c>
      <c r="P19" s="317">
        <v>1263</v>
      </c>
      <c r="Q19" s="316">
        <v>23</v>
      </c>
      <c r="R19" s="315">
        <v>-845</v>
      </c>
      <c r="S19" s="314">
        <v>0</v>
      </c>
      <c r="T19" s="313">
        <v>1</v>
      </c>
      <c r="U19" s="314">
        <v>3</v>
      </c>
      <c r="V19" s="313">
        <v>0</v>
      </c>
      <c r="W19" s="312">
        <v>1</v>
      </c>
    </row>
    <row r="20" spans="1:23" s="295" customFormat="1" ht="12.15" customHeight="1" x14ac:dyDescent="0.15">
      <c r="A20" s="320">
        <v>14</v>
      </c>
      <c r="B20" s="336" t="s">
        <v>175</v>
      </c>
      <c r="C20" s="308">
        <v>557</v>
      </c>
      <c r="D20" s="309">
        <v>708</v>
      </c>
      <c r="E20" s="316">
        <v>23</v>
      </c>
      <c r="F20" s="318">
        <v>151</v>
      </c>
      <c r="G20" s="308">
        <v>292</v>
      </c>
      <c r="H20" s="307">
        <v>18</v>
      </c>
      <c r="I20" s="316">
        <v>33</v>
      </c>
      <c r="J20" s="318">
        <v>-274</v>
      </c>
      <c r="K20" s="306">
        <v>165</v>
      </c>
      <c r="L20" s="305">
        <v>629</v>
      </c>
      <c r="M20" s="316">
        <v>4</v>
      </c>
      <c r="N20" s="318">
        <v>464</v>
      </c>
      <c r="O20" s="317">
        <v>1014</v>
      </c>
      <c r="P20" s="317">
        <v>1355</v>
      </c>
      <c r="Q20" s="316">
        <v>21</v>
      </c>
      <c r="R20" s="315">
        <v>341</v>
      </c>
      <c r="S20" s="314">
        <v>0</v>
      </c>
      <c r="T20" s="313">
        <v>0</v>
      </c>
      <c r="U20" s="314">
        <v>2</v>
      </c>
      <c r="V20" s="313">
        <v>0</v>
      </c>
      <c r="W20" s="312">
        <v>0</v>
      </c>
    </row>
    <row r="21" spans="1:23" s="295" customFormat="1" ht="12.15" customHeight="1" x14ac:dyDescent="0.15">
      <c r="A21" s="320">
        <v>15</v>
      </c>
      <c r="B21" s="336" t="s">
        <v>174</v>
      </c>
      <c r="C21" s="308">
        <v>6803</v>
      </c>
      <c r="D21" s="309">
        <v>648</v>
      </c>
      <c r="E21" s="316">
        <v>25</v>
      </c>
      <c r="F21" s="318">
        <v>-6155</v>
      </c>
      <c r="G21" s="308">
        <v>368</v>
      </c>
      <c r="H21" s="307">
        <v>301</v>
      </c>
      <c r="I21" s="316">
        <v>20</v>
      </c>
      <c r="J21" s="318">
        <v>-67</v>
      </c>
      <c r="K21" s="306">
        <v>160</v>
      </c>
      <c r="L21" s="305">
        <v>366</v>
      </c>
      <c r="M21" s="316">
        <v>13</v>
      </c>
      <c r="N21" s="318">
        <v>206</v>
      </c>
      <c r="O21" s="317">
        <v>7331</v>
      </c>
      <c r="P21" s="317">
        <v>1315</v>
      </c>
      <c r="Q21" s="316">
        <v>22</v>
      </c>
      <c r="R21" s="315">
        <v>-6016</v>
      </c>
      <c r="S21" s="314">
        <v>0</v>
      </c>
      <c r="T21" s="313">
        <v>1</v>
      </c>
      <c r="U21" s="314">
        <v>0</v>
      </c>
      <c r="V21" s="313">
        <v>0</v>
      </c>
      <c r="W21" s="312">
        <v>2</v>
      </c>
    </row>
    <row r="22" spans="1:23" s="295" customFormat="1" ht="12.15" customHeight="1" x14ac:dyDescent="0.15">
      <c r="A22" s="320">
        <v>16</v>
      </c>
      <c r="B22" s="336" t="s">
        <v>173</v>
      </c>
      <c r="C22" s="308">
        <v>331</v>
      </c>
      <c r="D22" s="309">
        <v>435</v>
      </c>
      <c r="E22" s="316">
        <v>27</v>
      </c>
      <c r="F22" s="318">
        <v>104</v>
      </c>
      <c r="G22" s="308">
        <v>132</v>
      </c>
      <c r="H22" s="307">
        <v>294</v>
      </c>
      <c r="I22" s="316">
        <v>22</v>
      </c>
      <c r="J22" s="318">
        <v>162</v>
      </c>
      <c r="K22" s="306">
        <v>112</v>
      </c>
      <c r="L22" s="305">
        <v>76</v>
      </c>
      <c r="M22" s="316">
        <v>20</v>
      </c>
      <c r="N22" s="318">
        <v>-36</v>
      </c>
      <c r="O22" s="317">
        <v>575</v>
      </c>
      <c r="P22" s="317">
        <v>805</v>
      </c>
      <c r="Q22" s="316">
        <v>30</v>
      </c>
      <c r="R22" s="315">
        <v>230</v>
      </c>
      <c r="S22" s="314">
        <v>3</v>
      </c>
      <c r="T22" s="313">
        <v>2</v>
      </c>
      <c r="U22" s="314">
        <v>0</v>
      </c>
      <c r="V22" s="313">
        <v>0</v>
      </c>
      <c r="W22" s="312">
        <v>3</v>
      </c>
    </row>
    <row r="23" spans="1:23" s="295" customFormat="1" ht="12.15" customHeight="1" x14ac:dyDescent="0.15">
      <c r="A23" s="320">
        <v>17</v>
      </c>
      <c r="B23" s="336" t="s">
        <v>172</v>
      </c>
      <c r="C23" s="308">
        <v>1214</v>
      </c>
      <c r="D23" s="309">
        <v>1207</v>
      </c>
      <c r="E23" s="316">
        <v>11</v>
      </c>
      <c r="F23" s="318">
        <v>-7</v>
      </c>
      <c r="G23" s="308">
        <v>416</v>
      </c>
      <c r="H23" s="307">
        <v>608</v>
      </c>
      <c r="I23" s="316">
        <v>7</v>
      </c>
      <c r="J23" s="318">
        <v>192</v>
      </c>
      <c r="K23" s="306">
        <v>194</v>
      </c>
      <c r="L23" s="305">
        <v>593</v>
      </c>
      <c r="M23" s="316">
        <v>6</v>
      </c>
      <c r="N23" s="318">
        <v>399</v>
      </c>
      <c r="O23" s="317">
        <v>1824</v>
      </c>
      <c r="P23" s="317">
        <v>2408</v>
      </c>
      <c r="Q23" s="316">
        <v>9</v>
      </c>
      <c r="R23" s="315">
        <v>584</v>
      </c>
      <c r="S23" s="314">
        <v>0</v>
      </c>
      <c r="T23" s="313">
        <v>1</v>
      </c>
      <c r="U23" s="314">
        <v>3</v>
      </c>
      <c r="V23" s="313">
        <v>0</v>
      </c>
      <c r="W23" s="312">
        <v>1</v>
      </c>
    </row>
    <row r="24" spans="1:23" s="295" customFormat="1" ht="12.15" customHeight="1" x14ac:dyDescent="0.15">
      <c r="A24" s="320">
        <v>18</v>
      </c>
      <c r="B24" s="336" t="s">
        <v>171</v>
      </c>
      <c r="C24" s="308">
        <v>1710</v>
      </c>
      <c r="D24" s="309">
        <v>1543</v>
      </c>
      <c r="E24" s="316">
        <v>6</v>
      </c>
      <c r="F24" s="318">
        <v>-167</v>
      </c>
      <c r="G24" s="308">
        <v>106</v>
      </c>
      <c r="H24" s="307">
        <v>184</v>
      </c>
      <c r="I24" s="316">
        <v>28</v>
      </c>
      <c r="J24" s="318">
        <v>78</v>
      </c>
      <c r="K24" s="306">
        <v>5</v>
      </c>
      <c r="L24" s="305">
        <v>0</v>
      </c>
      <c r="M24" s="316">
        <v>24</v>
      </c>
      <c r="N24" s="318">
        <v>-5</v>
      </c>
      <c r="O24" s="317">
        <v>1821</v>
      </c>
      <c r="P24" s="317">
        <v>1727</v>
      </c>
      <c r="Q24" s="316">
        <v>17</v>
      </c>
      <c r="R24" s="315">
        <v>-94</v>
      </c>
      <c r="S24" s="314">
        <v>0</v>
      </c>
      <c r="T24" s="313">
        <v>0</v>
      </c>
      <c r="U24" s="314">
        <v>0</v>
      </c>
      <c r="V24" s="313">
        <v>0</v>
      </c>
      <c r="W24" s="312">
        <v>1</v>
      </c>
    </row>
    <row r="25" spans="1:23" s="295" customFormat="1" ht="12.15" customHeight="1" x14ac:dyDescent="0.15">
      <c r="A25" s="320">
        <v>19</v>
      </c>
      <c r="B25" s="336" t="s">
        <v>170</v>
      </c>
      <c r="C25" s="349">
        <v>1285</v>
      </c>
      <c r="D25" s="317">
        <v>938</v>
      </c>
      <c r="E25" s="316">
        <v>16</v>
      </c>
      <c r="F25" s="318">
        <v>-347</v>
      </c>
      <c r="G25" s="349">
        <v>440</v>
      </c>
      <c r="H25" s="329">
        <v>657</v>
      </c>
      <c r="I25" s="316">
        <v>4</v>
      </c>
      <c r="J25" s="318">
        <v>217</v>
      </c>
      <c r="K25" s="348">
        <v>0</v>
      </c>
      <c r="L25" s="328">
        <v>0</v>
      </c>
      <c r="M25" s="316">
        <v>24</v>
      </c>
      <c r="N25" s="318">
        <v>0</v>
      </c>
      <c r="O25" s="317">
        <v>1725</v>
      </c>
      <c r="P25" s="317">
        <v>1595</v>
      </c>
      <c r="Q25" s="316">
        <v>18</v>
      </c>
      <c r="R25" s="315">
        <v>-130</v>
      </c>
      <c r="S25" s="347">
        <v>0</v>
      </c>
      <c r="T25" s="346">
        <v>0</v>
      </c>
      <c r="U25" s="347">
        <v>0</v>
      </c>
      <c r="V25" s="346">
        <v>0</v>
      </c>
      <c r="W25" s="312">
        <v>0</v>
      </c>
    </row>
    <row r="26" spans="1:23" s="295" customFormat="1" ht="12.15" customHeight="1" x14ac:dyDescent="0.15">
      <c r="A26" s="320">
        <v>20</v>
      </c>
      <c r="B26" s="336" t="s">
        <v>169</v>
      </c>
      <c r="C26" s="308">
        <v>1084</v>
      </c>
      <c r="D26" s="309">
        <v>188</v>
      </c>
      <c r="E26" s="316">
        <v>31</v>
      </c>
      <c r="F26" s="318">
        <v>-896</v>
      </c>
      <c r="G26" s="308">
        <v>1031</v>
      </c>
      <c r="H26" s="307">
        <v>143</v>
      </c>
      <c r="I26" s="316">
        <v>29</v>
      </c>
      <c r="J26" s="318">
        <v>-888</v>
      </c>
      <c r="K26" s="344">
        <v>0</v>
      </c>
      <c r="L26" s="305">
        <v>0</v>
      </c>
      <c r="M26" s="316">
        <v>24</v>
      </c>
      <c r="N26" s="318">
        <v>0</v>
      </c>
      <c r="O26" s="317">
        <v>2115</v>
      </c>
      <c r="P26" s="317">
        <v>331</v>
      </c>
      <c r="Q26" s="316">
        <v>32</v>
      </c>
      <c r="R26" s="315">
        <v>-1784</v>
      </c>
      <c r="S26" s="314">
        <v>0</v>
      </c>
      <c r="T26" s="313">
        <v>1</v>
      </c>
      <c r="U26" s="314">
        <v>0</v>
      </c>
      <c r="V26" s="313">
        <v>0</v>
      </c>
      <c r="W26" s="312">
        <v>1</v>
      </c>
    </row>
    <row r="27" spans="1:23" s="295" customFormat="1" ht="12.15" customHeight="1" x14ac:dyDescent="0.15">
      <c r="A27" s="320">
        <v>21</v>
      </c>
      <c r="B27" s="345" t="s">
        <v>168</v>
      </c>
      <c r="C27" s="308">
        <v>330</v>
      </c>
      <c r="D27" s="309">
        <v>821</v>
      </c>
      <c r="E27" s="339">
        <v>20</v>
      </c>
      <c r="F27" s="340">
        <v>491</v>
      </c>
      <c r="G27" s="308">
        <v>848</v>
      </c>
      <c r="H27" s="307">
        <v>1087</v>
      </c>
      <c r="I27" s="339">
        <v>1</v>
      </c>
      <c r="J27" s="340">
        <v>239</v>
      </c>
      <c r="K27" s="344">
        <v>177</v>
      </c>
      <c r="L27" s="305">
        <v>827</v>
      </c>
      <c r="M27" s="339">
        <v>2</v>
      </c>
      <c r="N27" s="343">
        <v>650</v>
      </c>
      <c r="O27" s="339">
        <v>1355</v>
      </c>
      <c r="P27" s="309">
        <v>2735</v>
      </c>
      <c r="Q27" s="339">
        <v>3</v>
      </c>
      <c r="R27" s="338">
        <v>1380</v>
      </c>
      <c r="S27" s="342">
        <v>0</v>
      </c>
      <c r="T27" s="313">
        <v>0</v>
      </c>
      <c r="U27" s="314">
        <v>2</v>
      </c>
      <c r="V27" s="313">
        <v>0</v>
      </c>
      <c r="W27" s="337">
        <v>2</v>
      </c>
    </row>
    <row r="28" spans="1:23" s="295" customFormat="1" ht="12.15" customHeight="1" x14ac:dyDescent="0.15">
      <c r="A28" s="320">
        <v>22</v>
      </c>
      <c r="B28" s="341" t="s">
        <v>167</v>
      </c>
      <c r="C28" s="308">
        <v>28</v>
      </c>
      <c r="D28" s="309">
        <v>2192</v>
      </c>
      <c r="E28" s="339">
        <v>2</v>
      </c>
      <c r="F28" s="340">
        <v>2164</v>
      </c>
      <c r="G28" s="308">
        <v>252</v>
      </c>
      <c r="H28" s="307">
        <v>255</v>
      </c>
      <c r="I28" s="339">
        <v>25</v>
      </c>
      <c r="J28" s="340">
        <v>3</v>
      </c>
      <c r="K28" s="306">
        <v>33</v>
      </c>
      <c r="L28" s="305">
        <v>0</v>
      </c>
      <c r="M28" s="339">
        <v>24</v>
      </c>
      <c r="N28" s="340">
        <v>-33</v>
      </c>
      <c r="O28" s="309">
        <v>313</v>
      </c>
      <c r="P28" s="309">
        <v>2447</v>
      </c>
      <c r="Q28" s="339">
        <v>6</v>
      </c>
      <c r="R28" s="338">
        <v>2134</v>
      </c>
      <c r="S28" s="314">
        <v>0</v>
      </c>
      <c r="T28" s="313">
        <v>0</v>
      </c>
      <c r="U28" s="314">
        <v>0</v>
      </c>
      <c r="V28" s="313">
        <v>0</v>
      </c>
      <c r="W28" s="337">
        <v>2</v>
      </c>
    </row>
    <row r="29" spans="1:23" s="295" customFormat="1" ht="12.15" customHeight="1" x14ac:dyDescent="0.15">
      <c r="A29" s="320">
        <v>23</v>
      </c>
      <c r="B29" s="336" t="s">
        <v>166</v>
      </c>
      <c r="C29" s="308">
        <v>408</v>
      </c>
      <c r="D29" s="309">
        <v>286</v>
      </c>
      <c r="E29" s="316">
        <v>29</v>
      </c>
      <c r="F29" s="318">
        <v>-122</v>
      </c>
      <c r="G29" s="308">
        <v>467</v>
      </c>
      <c r="H29" s="307">
        <v>199</v>
      </c>
      <c r="I29" s="316">
        <v>27</v>
      </c>
      <c r="J29" s="318">
        <v>-268</v>
      </c>
      <c r="K29" s="306">
        <v>379</v>
      </c>
      <c r="L29" s="305">
        <v>616</v>
      </c>
      <c r="M29" s="316">
        <v>5</v>
      </c>
      <c r="N29" s="318">
        <v>237</v>
      </c>
      <c r="O29" s="317">
        <v>1254</v>
      </c>
      <c r="P29" s="317">
        <v>1101</v>
      </c>
      <c r="Q29" s="316">
        <v>27</v>
      </c>
      <c r="R29" s="315">
        <v>-153</v>
      </c>
      <c r="S29" s="314">
        <v>0</v>
      </c>
      <c r="T29" s="313">
        <v>0</v>
      </c>
      <c r="U29" s="314">
        <v>0</v>
      </c>
      <c r="V29" s="313">
        <v>0</v>
      </c>
      <c r="W29" s="312">
        <v>1</v>
      </c>
    </row>
    <row r="30" spans="1:23" s="295" customFormat="1" ht="12.15" customHeight="1" x14ac:dyDescent="0.15">
      <c r="A30" s="320">
        <v>24</v>
      </c>
      <c r="B30" s="336" t="s">
        <v>165</v>
      </c>
      <c r="C30" s="308">
        <v>762</v>
      </c>
      <c r="D30" s="309">
        <v>1161</v>
      </c>
      <c r="E30" s="316">
        <v>12</v>
      </c>
      <c r="F30" s="318">
        <v>399</v>
      </c>
      <c r="G30" s="308">
        <v>111</v>
      </c>
      <c r="H30" s="307">
        <v>275</v>
      </c>
      <c r="I30" s="316">
        <v>24</v>
      </c>
      <c r="J30" s="318">
        <v>164</v>
      </c>
      <c r="K30" s="306">
        <v>2719</v>
      </c>
      <c r="L30" s="305">
        <v>1820</v>
      </c>
      <c r="M30" s="316">
        <v>1</v>
      </c>
      <c r="N30" s="318">
        <v>-899</v>
      </c>
      <c r="O30" s="317">
        <v>3592</v>
      </c>
      <c r="P30" s="317">
        <v>3256</v>
      </c>
      <c r="Q30" s="316">
        <v>1</v>
      </c>
      <c r="R30" s="315">
        <v>-336</v>
      </c>
      <c r="S30" s="314">
        <v>1</v>
      </c>
      <c r="T30" s="313">
        <v>7</v>
      </c>
      <c r="U30" s="314">
        <v>3</v>
      </c>
      <c r="V30" s="313">
        <v>0</v>
      </c>
      <c r="W30" s="312">
        <v>1</v>
      </c>
    </row>
    <row r="31" spans="1:23" s="295" customFormat="1" ht="12.15" customHeight="1" x14ac:dyDescent="0.15">
      <c r="A31" s="320">
        <v>25</v>
      </c>
      <c r="B31" s="336" t="s">
        <v>164</v>
      </c>
      <c r="C31" s="308">
        <v>82</v>
      </c>
      <c r="D31" s="309">
        <v>942</v>
      </c>
      <c r="E31" s="316">
        <v>15</v>
      </c>
      <c r="F31" s="318">
        <v>860</v>
      </c>
      <c r="G31" s="308">
        <v>258</v>
      </c>
      <c r="H31" s="307">
        <v>316</v>
      </c>
      <c r="I31" s="316">
        <v>18</v>
      </c>
      <c r="J31" s="318">
        <v>58</v>
      </c>
      <c r="K31" s="306">
        <v>0</v>
      </c>
      <c r="L31" s="305">
        <v>2</v>
      </c>
      <c r="M31" s="316">
        <v>23</v>
      </c>
      <c r="N31" s="318">
        <v>2</v>
      </c>
      <c r="O31" s="317">
        <v>340</v>
      </c>
      <c r="P31" s="317">
        <v>1260</v>
      </c>
      <c r="Q31" s="316">
        <v>24</v>
      </c>
      <c r="R31" s="315">
        <v>920</v>
      </c>
      <c r="S31" s="314">
        <v>0</v>
      </c>
      <c r="T31" s="313">
        <v>1</v>
      </c>
      <c r="U31" s="314">
        <v>1</v>
      </c>
      <c r="V31" s="313">
        <v>0</v>
      </c>
      <c r="W31" s="312">
        <v>1</v>
      </c>
    </row>
    <row r="32" spans="1:23" s="295" customFormat="1" ht="12.15" customHeight="1" x14ac:dyDescent="0.15">
      <c r="A32" s="320">
        <v>26</v>
      </c>
      <c r="B32" s="336" t="s">
        <v>163</v>
      </c>
      <c r="C32" s="308">
        <v>911</v>
      </c>
      <c r="D32" s="309">
        <v>2574</v>
      </c>
      <c r="E32" s="316">
        <v>1</v>
      </c>
      <c r="F32" s="318">
        <v>1663</v>
      </c>
      <c r="G32" s="308">
        <v>153</v>
      </c>
      <c r="H32" s="307">
        <v>74</v>
      </c>
      <c r="I32" s="316">
        <v>31</v>
      </c>
      <c r="J32" s="318">
        <v>-79</v>
      </c>
      <c r="K32" s="306">
        <v>0</v>
      </c>
      <c r="L32" s="305">
        <v>0</v>
      </c>
      <c r="M32" s="316">
        <v>24</v>
      </c>
      <c r="N32" s="318">
        <v>0</v>
      </c>
      <c r="O32" s="317">
        <v>1064</v>
      </c>
      <c r="P32" s="317">
        <v>2648</v>
      </c>
      <c r="Q32" s="316">
        <v>5</v>
      </c>
      <c r="R32" s="315">
        <v>1584</v>
      </c>
      <c r="S32" s="314">
        <v>0</v>
      </c>
      <c r="T32" s="313">
        <v>1</v>
      </c>
      <c r="U32" s="314">
        <v>1</v>
      </c>
      <c r="V32" s="313">
        <v>0</v>
      </c>
      <c r="W32" s="312">
        <v>0</v>
      </c>
    </row>
    <row r="33" spans="1:23" s="295" customFormat="1" ht="12.15" customHeight="1" x14ac:dyDescent="0.15">
      <c r="A33" s="320">
        <v>27</v>
      </c>
      <c r="B33" s="336" t="s">
        <v>162</v>
      </c>
      <c r="C33" s="308">
        <v>574</v>
      </c>
      <c r="D33" s="309">
        <v>678</v>
      </c>
      <c r="E33" s="316">
        <v>24</v>
      </c>
      <c r="F33" s="318">
        <v>104</v>
      </c>
      <c r="G33" s="308">
        <v>80</v>
      </c>
      <c r="H33" s="307">
        <v>67</v>
      </c>
      <c r="I33" s="316">
        <v>32</v>
      </c>
      <c r="J33" s="318">
        <v>-13</v>
      </c>
      <c r="K33" s="306">
        <v>0</v>
      </c>
      <c r="L33" s="305">
        <v>0</v>
      </c>
      <c r="M33" s="316">
        <v>24</v>
      </c>
      <c r="N33" s="318">
        <v>0</v>
      </c>
      <c r="O33" s="317">
        <v>654</v>
      </c>
      <c r="P33" s="317">
        <v>745</v>
      </c>
      <c r="Q33" s="316">
        <v>31</v>
      </c>
      <c r="R33" s="315">
        <v>91</v>
      </c>
      <c r="S33" s="314">
        <v>0</v>
      </c>
      <c r="T33" s="313">
        <v>1</v>
      </c>
      <c r="U33" s="314">
        <v>0</v>
      </c>
      <c r="V33" s="313">
        <v>0</v>
      </c>
      <c r="W33" s="312">
        <v>1</v>
      </c>
    </row>
    <row r="34" spans="1:23" s="295" customFormat="1" ht="12.15" customHeight="1" x14ac:dyDescent="0.15">
      <c r="A34" s="320">
        <v>28</v>
      </c>
      <c r="B34" s="336" t="s">
        <v>161</v>
      </c>
      <c r="C34" s="308">
        <v>1247</v>
      </c>
      <c r="D34" s="309">
        <v>881</v>
      </c>
      <c r="E34" s="316">
        <v>17</v>
      </c>
      <c r="F34" s="318">
        <v>-366</v>
      </c>
      <c r="G34" s="308">
        <v>2204</v>
      </c>
      <c r="H34" s="307">
        <v>283</v>
      </c>
      <c r="I34" s="316">
        <v>23</v>
      </c>
      <c r="J34" s="318">
        <v>-1921</v>
      </c>
      <c r="K34" s="306">
        <v>48</v>
      </c>
      <c r="L34" s="305">
        <v>0</v>
      </c>
      <c r="M34" s="316">
        <v>24</v>
      </c>
      <c r="N34" s="318">
        <v>-48</v>
      </c>
      <c r="O34" s="317">
        <v>3499</v>
      </c>
      <c r="P34" s="317">
        <v>1164</v>
      </c>
      <c r="Q34" s="316">
        <v>26</v>
      </c>
      <c r="R34" s="315">
        <v>-2335</v>
      </c>
      <c r="S34" s="314">
        <v>0</v>
      </c>
      <c r="T34" s="313">
        <v>0</v>
      </c>
      <c r="U34" s="314">
        <v>1</v>
      </c>
      <c r="V34" s="313">
        <v>0</v>
      </c>
      <c r="W34" s="312">
        <v>0</v>
      </c>
    </row>
    <row r="35" spans="1:23" s="295" customFormat="1" ht="12.15" customHeight="1" x14ac:dyDescent="0.15">
      <c r="A35" s="320">
        <v>29</v>
      </c>
      <c r="B35" s="336" t="s">
        <v>160</v>
      </c>
      <c r="C35" s="308">
        <v>4384</v>
      </c>
      <c r="D35" s="309">
        <v>1329</v>
      </c>
      <c r="E35" s="316">
        <v>9</v>
      </c>
      <c r="F35" s="318">
        <v>-3055</v>
      </c>
      <c r="G35" s="308">
        <v>548</v>
      </c>
      <c r="H35" s="307">
        <v>614</v>
      </c>
      <c r="I35" s="316">
        <v>6</v>
      </c>
      <c r="J35" s="318">
        <v>66</v>
      </c>
      <c r="K35" s="306">
        <v>19</v>
      </c>
      <c r="L35" s="305">
        <v>32</v>
      </c>
      <c r="M35" s="316">
        <v>21</v>
      </c>
      <c r="N35" s="318">
        <v>13</v>
      </c>
      <c r="O35" s="317">
        <v>4951</v>
      </c>
      <c r="P35" s="317">
        <v>1975</v>
      </c>
      <c r="Q35" s="316">
        <v>13</v>
      </c>
      <c r="R35" s="315">
        <v>-2976</v>
      </c>
      <c r="S35" s="314">
        <v>0</v>
      </c>
      <c r="T35" s="313">
        <v>0</v>
      </c>
      <c r="U35" s="314">
        <v>0</v>
      </c>
      <c r="V35" s="313">
        <v>0</v>
      </c>
      <c r="W35" s="312">
        <v>0</v>
      </c>
    </row>
    <row r="36" spans="1:23" s="295" customFormat="1" ht="12.15" customHeight="1" x14ac:dyDescent="0.15">
      <c r="A36" s="320">
        <v>30</v>
      </c>
      <c r="B36" s="336" t="s">
        <v>159</v>
      </c>
      <c r="C36" s="308">
        <v>436</v>
      </c>
      <c r="D36" s="309">
        <v>2076</v>
      </c>
      <c r="E36" s="316">
        <v>3</v>
      </c>
      <c r="F36" s="318">
        <v>1640</v>
      </c>
      <c r="G36" s="308">
        <v>657</v>
      </c>
      <c r="H36" s="307">
        <v>461</v>
      </c>
      <c r="I36" s="316">
        <v>14</v>
      </c>
      <c r="J36" s="318">
        <v>-196</v>
      </c>
      <c r="K36" s="306">
        <v>86</v>
      </c>
      <c r="L36" s="305">
        <v>181</v>
      </c>
      <c r="M36" s="316">
        <v>16</v>
      </c>
      <c r="N36" s="318">
        <v>95</v>
      </c>
      <c r="O36" s="317">
        <v>1179</v>
      </c>
      <c r="P36" s="317">
        <v>2718</v>
      </c>
      <c r="Q36" s="316">
        <v>4</v>
      </c>
      <c r="R36" s="315">
        <v>1539</v>
      </c>
      <c r="S36" s="314">
        <v>0</v>
      </c>
      <c r="T36" s="313">
        <v>0</v>
      </c>
      <c r="U36" s="314">
        <v>1</v>
      </c>
      <c r="V36" s="313">
        <v>0</v>
      </c>
      <c r="W36" s="312">
        <v>0</v>
      </c>
    </row>
    <row r="37" spans="1:23" s="295" customFormat="1" ht="12.15" customHeight="1" x14ac:dyDescent="0.15">
      <c r="A37" s="320">
        <v>31</v>
      </c>
      <c r="B37" s="336" t="s">
        <v>158</v>
      </c>
      <c r="C37" s="308">
        <v>865</v>
      </c>
      <c r="D37" s="309">
        <v>2025</v>
      </c>
      <c r="E37" s="316">
        <v>4</v>
      </c>
      <c r="F37" s="318">
        <v>1160</v>
      </c>
      <c r="G37" s="308">
        <v>447</v>
      </c>
      <c r="H37" s="307">
        <v>302</v>
      </c>
      <c r="I37" s="316">
        <v>19</v>
      </c>
      <c r="J37" s="318">
        <v>-145</v>
      </c>
      <c r="K37" s="306">
        <v>8</v>
      </c>
      <c r="L37" s="305">
        <v>5</v>
      </c>
      <c r="M37" s="316">
        <v>22</v>
      </c>
      <c r="N37" s="318">
        <v>-3</v>
      </c>
      <c r="O37" s="317">
        <v>1320</v>
      </c>
      <c r="P37" s="317">
        <v>2332</v>
      </c>
      <c r="Q37" s="316">
        <v>10</v>
      </c>
      <c r="R37" s="315">
        <v>1012</v>
      </c>
      <c r="S37" s="314">
        <v>0</v>
      </c>
      <c r="T37" s="313">
        <v>0</v>
      </c>
      <c r="U37" s="314">
        <v>0</v>
      </c>
      <c r="V37" s="313">
        <v>0</v>
      </c>
      <c r="W37" s="312">
        <v>0</v>
      </c>
    </row>
    <row r="38" spans="1:23" s="295" customFormat="1" ht="12.15" customHeight="1" x14ac:dyDescent="0.15">
      <c r="A38" s="320">
        <v>32</v>
      </c>
      <c r="B38" s="336" t="s">
        <v>157</v>
      </c>
      <c r="C38" s="308">
        <v>134</v>
      </c>
      <c r="D38" s="309">
        <v>271</v>
      </c>
      <c r="E38" s="316">
        <v>30</v>
      </c>
      <c r="F38" s="318">
        <v>137</v>
      </c>
      <c r="G38" s="308">
        <v>216</v>
      </c>
      <c r="H38" s="307">
        <v>255</v>
      </c>
      <c r="I38" s="316">
        <v>25</v>
      </c>
      <c r="J38" s="318">
        <v>39</v>
      </c>
      <c r="K38" s="306">
        <v>4779</v>
      </c>
      <c r="L38" s="305">
        <v>509</v>
      </c>
      <c r="M38" s="316">
        <v>11</v>
      </c>
      <c r="N38" s="318">
        <v>-4270</v>
      </c>
      <c r="O38" s="317">
        <v>5129</v>
      </c>
      <c r="P38" s="317">
        <v>1035</v>
      </c>
      <c r="Q38" s="316">
        <v>28</v>
      </c>
      <c r="R38" s="315">
        <v>-4094</v>
      </c>
      <c r="S38" s="314">
        <v>0</v>
      </c>
      <c r="T38" s="313">
        <v>0</v>
      </c>
      <c r="U38" s="314">
        <v>0</v>
      </c>
      <c r="V38" s="313">
        <v>0</v>
      </c>
      <c r="W38" s="312">
        <v>1</v>
      </c>
    </row>
    <row r="39" spans="1:23" s="295" customFormat="1" ht="12.15" customHeight="1" thickBot="1" x14ac:dyDescent="0.2">
      <c r="A39" s="311">
        <v>33</v>
      </c>
      <c r="B39" s="336" t="s">
        <v>156</v>
      </c>
      <c r="C39" s="334">
        <v>0</v>
      </c>
      <c r="D39" s="335">
        <v>0</v>
      </c>
      <c r="E39" s="316">
        <v>33</v>
      </c>
      <c r="F39" s="318">
        <v>0</v>
      </c>
      <c r="G39" s="334">
        <v>161</v>
      </c>
      <c r="H39" s="333">
        <v>126</v>
      </c>
      <c r="I39" s="316">
        <v>30</v>
      </c>
      <c r="J39" s="318">
        <v>-35</v>
      </c>
      <c r="K39" s="332">
        <v>0</v>
      </c>
      <c r="L39" s="331">
        <v>0</v>
      </c>
      <c r="M39" s="316">
        <v>24</v>
      </c>
      <c r="N39" s="318">
        <v>0</v>
      </c>
      <c r="O39" s="303">
        <v>161</v>
      </c>
      <c r="P39" s="317">
        <v>126</v>
      </c>
      <c r="Q39" s="316">
        <v>33</v>
      </c>
      <c r="R39" s="315">
        <v>-35</v>
      </c>
      <c r="S39" s="314">
        <v>0</v>
      </c>
      <c r="T39" s="313">
        <v>0</v>
      </c>
      <c r="U39" s="314">
        <v>0</v>
      </c>
      <c r="V39" s="313">
        <v>0</v>
      </c>
      <c r="W39" s="312">
        <v>1</v>
      </c>
    </row>
    <row r="40" spans="1:23" s="295" customFormat="1" ht="12.15" customHeight="1" thickTop="1" x14ac:dyDescent="0.15">
      <c r="A40" s="320">
        <v>301</v>
      </c>
      <c r="B40" s="330" t="s">
        <v>155</v>
      </c>
      <c r="C40" s="308">
        <v>714</v>
      </c>
      <c r="D40" s="317">
        <v>359</v>
      </c>
      <c r="E40" s="325">
        <v>3</v>
      </c>
      <c r="F40" s="327">
        <v>-355</v>
      </c>
      <c r="G40" s="308">
        <v>184</v>
      </c>
      <c r="H40" s="329">
        <v>187</v>
      </c>
      <c r="I40" s="325">
        <v>6</v>
      </c>
      <c r="J40" s="327">
        <v>3</v>
      </c>
      <c r="K40" s="306">
        <v>106</v>
      </c>
      <c r="L40" s="328">
        <v>95</v>
      </c>
      <c r="M40" s="325">
        <v>5</v>
      </c>
      <c r="N40" s="327">
        <v>-11</v>
      </c>
      <c r="O40" s="317">
        <v>1004</v>
      </c>
      <c r="P40" s="326">
        <v>641</v>
      </c>
      <c r="Q40" s="325">
        <v>4</v>
      </c>
      <c r="R40" s="324">
        <v>-363</v>
      </c>
      <c r="S40" s="323">
        <v>2</v>
      </c>
      <c r="T40" s="322">
        <v>0</v>
      </c>
      <c r="U40" s="323">
        <v>0</v>
      </c>
      <c r="V40" s="322">
        <v>0</v>
      </c>
      <c r="W40" s="321">
        <v>0</v>
      </c>
    </row>
    <row r="41" spans="1:23" s="295" customFormat="1" ht="12.15" customHeight="1" x14ac:dyDescent="0.15">
      <c r="A41" s="320">
        <v>302</v>
      </c>
      <c r="B41" s="319" t="s">
        <v>154</v>
      </c>
      <c r="C41" s="308">
        <v>262</v>
      </c>
      <c r="D41" s="309">
        <v>293</v>
      </c>
      <c r="E41" s="316">
        <v>4</v>
      </c>
      <c r="F41" s="318">
        <v>31</v>
      </c>
      <c r="G41" s="308">
        <v>391</v>
      </c>
      <c r="H41" s="307">
        <v>319</v>
      </c>
      <c r="I41" s="316">
        <v>4</v>
      </c>
      <c r="J41" s="318">
        <v>-72</v>
      </c>
      <c r="K41" s="306">
        <v>56</v>
      </c>
      <c r="L41" s="305">
        <v>13</v>
      </c>
      <c r="M41" s="316">
        <v>6</v>
      </c>
      <c r="N41" s="318">
        <v>-43</v>
      </c>
      <c r="O41" s="317">
        <v>709</v>
      </c>
      <c r="P41" s="317">
        <v>625</v>
      </c>
      <c r="Q41" s="316">
        <v>5</v>
      </c>
      <c r="R41" s="315">
        <v>-84</v>
      </c>
      <c r="S41" s="314">
        <v>0</v>
      </c>
      <c r="T41" s="313">
        <v>2</v>
      </c>
      <c r="U41" s="314">
        <v>0</v>
      </c>
      <c r="V41" s="313">
        <v>0</v>
      </c>
      <c r="W41" s="312">
        <v>2</v>
      </c>
    </row>
    <row r="42" spans="1:23" s="295" customFormat="1" ht="12.15" customHeight="1" x14ac:dyDescent="0.15">
      <c r="A42" s="320">
        <v>303</v>
      </c>
      <c r="B42" s="319" t="s">
        <v>153</v>
      </c>
      <c r="C42" s="308">
        <v>743</v>
      </c>
      <c r="D42" s="309">
        <v>1020</v>
      </c>
      <c r="E42" s="316">
        <v>1</v>
      </c>
      <c r="F42" s="318">
        <v>277</v>
      </c>
      <c r="G42" s="308">
        <v>534</v>
      </c>
      <c r="H42" s="307">
        <v>361</v>
      </c>
      <c r="I42" s="316">
        <v>2</v>
      </c>
      <c r="J42" s="318">
        <v>-173</v>
      </c>
      <c r="K42" s="306">
        <v>416</v>
      </c>
      <c r="L42" s="305">
        <v>685</v>
      </c>
      <c r="M42" s="316">
        <v>1</v>
      </c>
      <c r="N42" s="318">
        <v>269</v>
      </c>
      <c r="O42" s="317">
        <v>1693</v>
      </c>
      <c r="P42" s="317">
        <v>2066</v>
      </c>
      <c r="Q42" s="316">
        <v>1</v>
      </c>
      <c r="R42" s="315">
        <v>373</v>
      </c>
      <c r="S42" s="314">
        <v>0</v>
      </c>
      <c r="T42" s="313">
        <v>2</v>
      </c>
      <c r="U42" s="314">
        <v>0</v>
      </c>
      <c r="V42" s="313">
        <v>1</v>
      </c>
      <c r="W42" s="312">
        <v>2</v>
      </c>
    </row>
    <row r="43" spans="1:23" s="295" customFormat="1" ht="12.15" customHeight="1" x14ac:dyDescent="0.15">
      <c r="A43" s="320">
        <v>304</v>
      </c>
      <c r="B43" s="319" t="s">
        <v>152</v>
      </c>
      <c r="C43" s="308">
        <v>163</v>
      </c>
      <c r="D43" s="309">
        <v>185</v>
      </c>
      <c r="E43" s="316">
        <v>6</v>
      </c>
      <c r="F43" s="318">
        <v>22</v>
      </c>
      <c r="G43" s="308">
        <v>462</v>
      </c>
      <c r="H43" s="307">
        <v>286</v>
      </c>
      <c r="I43" s="316">
        <v>5</v>
      </c>
      <c r="J43" s="318">
        <v>-176</v>
      </c>
      <c r="K43" s="306">
        <v>123</v>
      </c>
      <c r="L43" s="305">
        <v>97</v>
      </c>
      <c r="M43" s="316">
        <v>4</v>
      </c>
      <c r="N43" s="318">
        <v>-26</v>
      </c>
      <c r="O43" s="317">
        <v>748</v>
      </c>
      <c r="P43" s="317">
        <v>568</v>
      </c>
      <c r="Q43" s="316">
        <v>6</v>
      </c>
      <c r="R43" s="315">
        <v>-180</v>
      </c>
      <c r="S43" s="314">
        <v>0</v>
      </c>
      <c r="T43" s="313">
        <v>1</v>
      </c>
      <c r="U43" s="314">
        <v>0</v>
      </c>
      <c r="V43" s="313">
        <v>0</v>
      </c>
      <c r="W43" s="312">
        <v>1</v>
      </c>
    </row>
    <row r="44" spans="1:23" s="295" customFormat="1" ht="12.15" customHeight="1" x14ac:dyDescent="0.15">
      <c r="A44" s="320">
        <v>305</v>
      </c>
      <c r="B44" s="319" t="s">
        <v>151</v>
      </c>
      <c r="C44" s="308">
        <v>212</v>
      </c>
      <c r="D44" s="309">
        <v>291</v>
      </c>
      <c r="E44" s="316">
        <v>5</v>
      </c>
      <c r="F44" s="318">
        <v>79</v>
      </c>
      <c r="G44" s="308">
        <v>546</v>
      </c>
      <c r="H44" s="307">
        <v>400</v>
      </c>
      <c r="I44" s="316">
        <v>1</v>
      </c>
      <c r="J44" s="318">
        <v>-146</v>
      </c>
      <c r="K44" s="306">
        <v>912</v>
      </c>
      <c r="L44" s="305">
        <v>670</v>
      </c>
      <c r="M44" s="316">
        <v>2</v>
      </c>
      <c r="N44" s="318">
        <v>-242</v>
      </c>
      <c r="O44" s="317">
        <v>1670</v>
      </c>
      <c r="P44" s="317">
        <v>1361</v>
      </c>
      <c r="Q44" s="316">
        <v>3</v>
      </c>
      <c r="R44" s="315">
        <v>-309</v>
      </c>
      <c r="S44" s="314">
        <v>2</v>
      </c>
      <c r="T44" s="313">
        <v>0</v>
      </c>
      <c r="U44" s="314">
        <v>0</v>
      </c>
      <c r="V44" s="313">
        <v>0</v>
      </c>
      <c r="W44" s="312">
        <v>0</v>
      </c>
    </row>
    <row r="45" spans="1:23" s="295" customFormat="1" ht="12.15" customHeight="1" thickBot="1" x14ac:dyDescent="0.2">
      <c r="A45" s="311">
        <v>306</v>
      </c>
      <c r="B45" s="310" t="s">
        <v>150</v>
      </c>
      <c r="C45" s="308">
        <v>427</v>
      </c>
      <c r="D45" s="309">
        <v>419</v>
      </c>
      <c r="E45" s="301">
        <v>2</v>
      </c>
      <c r="F45" s="304">
        <v>-8</v>
      </c>
      <c r="G45" s="308">
        <v>323</v>
      </c>
      <c r="H45" s="307">
        <v>338</v>
      </c>
      <c r="I45" s="301">
        <v>3</v>
      </c>
      <c r="J45" s="304">
        <v>15</v>
      </c>
      <c r="K45" s="306">
        <v>287</v>
      </c>
      <c r="L45" s="305">
        <v>621</v>
      </c>
      <c r="M45" s="301">
        <v>3</v>
      </c>
      <c r="N45" s="304">
        <v>334</v>
      </c>
      <c r="O45" s="303">
        <v>1037</v>
      </c>
      <c r="P45" s="302">
        <v>1378</v>
      </c>
      <c r="Q45" s="301">
        <v>2</v>
      </c>
      <c r="R45" s="300">
        <v>341</v>
      </c>
      <c r="S45" s="299">
        <v>3</v>
      </c>
      <c r="T45" s="297">
        <v>2</v>
      </c>
      <c r="U45" s="298">
        <v>0</v>
      </c>
      <c r="V45" s="297">
        <v>0</v>
      </c>
      <c r="W45" s="296">
        <v>2</v>
      </c>
    </row>
    <row r="46" spans="1:23" s="253" customFormat="1" ht="15.75" customHeight="1" thickTop="1" thickBot="1" x14ac:dyDescent="0.2">
      <c r="A46" s="282" t="s">
        <v>149</v>
      </c>
      <c r="B46" s="281"/>
      <c r="C46" s="294">
        <v>991</v>
      </c>
      <c r="D46" s="289">
        <v>1102</v>
      </c>
      <c r="E46" s="288"/>
      <c r="F46" s="293">
        <v>111</v>
      </c>
      <c r="G46" s="294">
        <v>453</v>
      </c>
      <c r="H46" s="289">
        <v>451</v>
      </c>
      <c r="I46" s="288"/>
      <c r="J46" s="293">
        <v>-2</v>
      </c>
      <c r="K46" s="292">
        <v>558</v>
      </c>
      <c r="L46" s="289">
        <v>420</v>
      </c>
      <c r="M46" s="291"/>
      <c r="N46" s="290">
        <v>-138</v>
      </c>
      <c r="O46" s="276">
        <v>2002</v>
      </c>
      <c r="P46" s="289">
        <v>1973</v>
      </c>
      <c r="Q46" s="288"/>
      <c r="R46" s="287">
        <v>-29</v>
      </c>
      <c r="S46" s="286" t="s">
        <v>148</v>
      </c>
      <c r="T46" s="284" t="s">
        <v>147</v>
      </c>
      <c r="U46" s="285" t="s">
        <v>147</v>
      </c>
      <c r="V46" s="284" t="s">
        <v>147</v>
      </c>
      <c r="W46" s="283" t="s">
        <v>147</v>
      </c>
    </row>
    <row r="47" spans="1:23" s="253" customFormat="1" ht="15.75" customHeight="1" thickTop="1" thickBot="1" x14ac:dyDescent="0.2">
      <c r="A47" s="282" t="s">
        <v>104</v>
      </c>
      <c r="B47" s="281"/>
      <c r="C47" s="280">
        <v>447</v>
      </c>
      <c r="D47" s="280">
        <v>443</v>
      </c>
      <c r="E47" s="274"/>
      <c r="F47" s="279">
        <v>-4</v>
      </c>
      <c r="G47" s="280">
        <v>357</v>
      </c>
      <c r="H47" s="275">
        <v>326</v>
      </c>
      <c r="I47" s="274"/>
      <c r="J47" s="279">
        <v>-31</v>
      </c>
      <c r="K47" s="278">
        <v>287</v>
      </c>
      <c r="L47" s="275">
        <v>489</v>
      </c>
      <c r="M47" s="274"/>
      <c r="N47" s="277">
        <v>202</v>
      </c>
      <c r="O47" s="276">
        <v>1091</v>
      </c>
      <c r="P47" s="275">
        <v>1258</v>
      </c>
      <c r="Q47" s="274"/>
      <c r="R47" s="273">
        <v>167</v>
      </c>
      <c r="S47" s="272" t="s">
        <v>147</v>
      </c>
      <c r="T47" s="270" t="s">
        <v>147</v>
      </c>
      <c r="U47" s="271" t="s">
        <v>147</v>
      </c>
      <c r="V47" s="270" t="s">
        <v>147</v>
      </c>
      <c r="W47" s="269" t="s">
        <v>147</v>
      </c>
    </row>
    <row r="48" spans="1:23" s="253" customFormat="1" ht="15.75" customHeight="1" thickTop="1" thickBot="1" x14ac:dyDescent="0.2">
      <c r="A48" s="268" t="s">
        <v>103</v>
      </c>
      <c r="B48" s="267"/>
      <c r="C48" s="266">
        <v>954</v>
      </c>
      <c r="D48" s="261">
        <v>1036</v>
      </c>
      <c r="E48" s="260"/>
      <c r="F48" s="264">
        <v>82</v>
      </c>
      <c r="G48" s="265">
        <v>447</v>
      </c>
      <c r="H48" s="261">
        <v>463</v>
      </c>
      <c r="I48" s="260"/>
      <c r="J48" s="264">
        <v>16</v>
      </c>
      <c r="K48" s="263">
        <v>539</v>
      </c>
      <c r="L48" s="261">
        <v>480</v>
      </c>
      <c r="M48" s="260"/>
      <c r="N48" s="262">
        <v>-59</v>
      </c>
      <c r="O48" s="261">
        <v>1940</v>
      </c>
      <c r="P48" s="261">
        <v>1979</v>
      </c>
      <c r="Q48" s="260"/>
      <c r="R48" s="259">
        <v>39</v>
      </c>
      <c r="S48" s="258" t="s">
        <v>147</v>
      </c>
      <c r="T48" s="257" t="s">
        <v>147</v>
      </c>
      <c r="U48" s="256" t="s">
        <v>147</v>
      </c>
      <c r="V48" s="255" t="s">
        <v>147</v>
      </c>
      <c r="W48" s="254" t="s">
        <v>147</v>
      </c>
    </row>
    <row r="49" spans="1:23" s="249" customFormat="1" ht="11.4" customHeight="1" x14ac:dyDescent="0.15">
      <c r="A49" s="251"/>
      <c r="B49" s="252"/>
      <c r="C49" s="251"/>
      <c r="D49" s="251"/>
      <c r="E49" s="251"/>
      <c r="F49" s="251"/>
      <c r="G49" s="251"/>
      <c r="H49" s="251"/>
      <c r="I49" s="251"/>
      <c r="J49" s="251"/>
      <c r="K49" s="251"/>
      <c r="L49" s="251"/>
      <c r="M49" s="251"/>
      <c r="N49" s="251"/>
      <c r="O49" s="251"/>
      <c r="P49" s="251"/>
      <c r="Q49" s="251"/>
      <c r="R49" s="251"/>
      <c r="S49" s="251"/>
      <c r="T49" s="251"/>
      <c r="U49" s="251"/>
      <c r="V49" s="251"/>
      <c r="W49" s="251"/>
    </row>
    <row r="50" spans="1:23" s="393" customFormat="1" x14ac:dyDescent="0.15">
      <c r="G50" s="394"/>
      <c r="H50" s="394"/>
      <c r="I50" s="251"/>
      <c r="J50" s="251"/>
      <c r="K50" s="394"/>
      <c r="L50" s="394"/>
      <c r="M50" s="251"/>
      <c r="N50" s="251"/>
      <c r="O50" s="394"/>
      <c r="P50" s="394"/>
      <c r="S50" s="394"/>
      <c r="T50" s="394"/>
      <c r="U50" s="394"/>
      <c r="V50" s="394"/>
      <c r="W50" s="394"/>
    </row>
    <row r="51" spans="1:23" s="395" customFormat="1" ht="14.4" x14ac:dyDescent="0.2">
      <c r="C51" s="396"/>
      <c r="J51" s="251"/>
    </row>
    <row r="52" spans="1:23" s="395" customFormat="1" ht="14.4" x14ac:dyDescent="0.2">
      <c r="C52" s="397"/>
      <c r="J52" s="251"/>
    </row>
    <row r="53" spans="1:23" s="395" customFormat="1" x14ac:dyDescent="0.15">
      <c r="C53" s="398"/>
      <c r="J53" s="251"/>
    </row>
    <row r="54" spans="1:23" s="395" customFormat="1" x14ac:dyDescent="0.15">
      <c r="C54" s="399"/>
      <c r="D54" s="399"/>
      <c r="E54" s="400"/>
      <c r="F54" s="399"/>
      <c r="G54" s="400"/>
      <c r="J54" s="251"/>
    </row>
    <row r="55" spans="1:23" s="395" customFormat="1" x14ac:dyDescent="0.15">
      <c r="A55" s="251"/>
      <c r="B55" s="251"/>
      <c r="C55" s="251"/>
      <c r="D55" s="251"/>
      <c r="E55" s="401"/>
      <c r="F55" s="251"/>
      <c r="G55" s="401"/>
      <c r="J55" s="251"/>
    </row>
    <row r="56" spans="1:23" s="395" customFormat="1" x14ac:dyDescent="0.15">
      <c r="A56" s="251"/>
      <c r="B56" s="251"/>
      <c r="C56" s="251"/>
      <c r="D56" s="251"/>
      <c r="E56" s="401"/>
      <c r="F56" s="251"/>
      <c r="G56" s="401"/>
      <c r="J56" s="251"/>
    </row>
    <row r="57" spans="1:23" s="395" customFormat="1" x14ac:dyDescent="0.15">
      <c r="A57" s="251"/>
      <c r="B57" s="251"/>
      <c r="C57" s="251"/>
      <c r="D57" s="251"/>
      <c r="E57" s="401"/>
      <c r="F57" s="251"/>
      <c r="G57" s="401"/>
      <c r="J57" s="251"/>
    </row>
    <row r="58" spans="1:23" s="395" customFormat="1" x14ac:dyDescent="0.15">
      <c r="A58" s="251"/>
      <c r="B58" s="251"/>
      <c r="C58" s="251"/>
      <c r="D58" s="251"/>
      <c r="E58" s="401"/>
      <c r="F58" s="251"/>
      <c r="G58" s="401"/>
      <c r="J58" s="251"/>
    </row>
    <row r="59" spans="1:23" s="395" customFormat="1" x14ac:dyDescent="0.15">
      <c r="A59" s="251"/>
      <c r="B59" s="251"/>
      <c r="C59" s="251"/>
      <c r="D59" s="251"/>
      <c r="E59" s="401"/>
      <c r="F59" s="251"/>
      <c r="G59" s="401"/>
      <c r="J59" s="251"/>
    </row>
    <row r="60" spans="1:23" s="395" customFormat="1" x14ac:dyDescent="0.15">
      <c r="A60" s="251"/>
      <c r="B60" s="251"/>
      <c r="C60" s="251"/>
      <c r="D60" s="251"/>
      <c r="E60" s="401"/>
      <c r="F60" s="251"/>
      <c r="G60" s="401"/>
      <c r="J60" s="251"/>
    </row>
    <row r="61" spans="1:23" s="395" customFormat="1" x14ac:dyDescent="0.15">
      <c r="A61" s="251"/>
      <c r="B61" s="251"/>
      <c r="C61" s="251"/>
      <c r="D61" s="251"/>
      <c r="E61" s="401"/>
      <c r="F61" s="251"/>
      <c r="G61" s="401"/>
      <c r="J61" s="251"/>
    </row>
    <row r="62" spans="1:23" s="395" customFormat="1" x14ac:dyDescent="0.15">
      <c r="A62" s="251"/>
      <c r="B62" s="251"/>
      <c r="C62" s="251"/>
      <c r="D62" s="251"/>
      <c r="E62" s="401"/>
      <c r="F62" s="251"/>
      <c r="G62" s="401"/>
      <c r="J62" s="251"/>
    </row>
    <row r="63" spans="1:23" s="395" customFormat="1" x14ac:dyDescent="0.15">
      <c r="A63" s="251"/>
      <c r="B63" s="251"/>
      <c r="C63" s="251"/>
      <c r="D63" s="251"/>
      <c r="E63" s="401"/>
      <c r="F63" s="251"/>
      <c r="G63" s="401"/>
      <c r="J63" s="251"/>
    </row>
    <row r="64" spans="1:23" s="395" customFormat="1" x14ac:dyDescent="0.15">
      <c r="A64" s="251"/>
      <c r="B64" s="251"/>
      <c r="C64" s="251"/>
      <c r="D64" s="251"/>
      <c r="E64" s="401"/>
      <c r="F64" s="251"/>
      <c r="G64" s="401"/>
      <c r="J64" s="251"/>
    </row>
    <row r="65" spans="1:10" s="395" customFormat="1" x14ac:dyDescent="0.15">
      <c r="A65" s="251"/>
      <c r="B65" s="251"/>
      <c r="C65" s="251"/>
      <c r="D65" s="251"/>
      <c r="E65" s="401"/>
      <c r="F65" s="251"/>
      <c r="G65" s="401"/>
      <c r="J65" s="251"/>
    </row>
    <row r="66" spans="1:10" s="395" customFormat="1" x14ac:dyDescent="0.15">
      <c r="A66" s="251"/>
      <c r="B66" s="251"/>
      <c r="C66" s="251"/>
      <c r="D66" s="251"/>
      <c r="E66" s="401"/>
      <c r="F66" s="251"/>
      <c r="G66" s="401"/>
      <c r="J66" s="251"/>
    </row>
    <row r="67" spans="1:10" s="395" customFormat="1" x14ac:dyDescent="0.15">
      <c r="A67" s="251"/>
      <c r="B67" s="251"/>
      <c r="C67" s="251"/>
      <c r="D67" s="251"/>
      <c r="E67" s="401"/>
      <c r="F67" s="251"/>
      <c r="G67" s="401"/>
      <c r="J67" s="251"/>
    </row>
    <row r="68" spans="1:10" s="395" customFormat="1" x14ac:dyDescent="0.15">
      <c r="A68" s="251"/>
      <c r="B68" s="251"/>
      <c r="C68" s="251"/>
      <c r="D68" s="251"/>
      <c r="E68" s="401"/>
      <c r="F68" s="251"/>
      <c r="G68" s="401"/>
      <c r="J68" s="251"/>
    </row>
    <row r="69" spans="1:10" s="395" customFormat="1" x14ac:dyDescent="0.15">
      <c r="A69" s="251"/>
      <c r="B69" s="251"/>
      <c r="C69" s="251"/>
      <c r="D69" s="251"/>
      <c r="E69" s="401"/>
      <c r="F69" s="251"/>
      <c r="G69" s="401"/>
      <c r="J69" s="251"/>
    </row>
    <row r="70" spans="1:10" s="395" customFormat="1" x14ac:dyDescent="0.15">
      <c r="A70" s="251"/>
      <c r="B70" s="251"/>
      <c r="C70" s="251"/>
      <c r="D70" s="251"/>
      <c r="E70" s="401"/>
      <c r="F70" s="251"/>
      <c r="G70" s="401"/>
      <c r="J70" s="251"/>
    </row>
    <row r="71" spans="1:10" s="395" customFormat="1" x14ac:dyDescent="0.15">
      <c r="A71" s="251"/>
      <c r="B71" s="251"/>
      <c r="C71" s="251"/>
      <c r="D71" s="251"/>
      <c r="E71" s="401"/>
      <c r="F71" s="251"/>
      <c r="G71" s="401"/>
      <c r="J71" s="251"/>
    </row>
    <row r="72" spans="1:10" s="395" customFormat="1" x14ac:dyDescent="0.15">
      <c r="A72" s="251"/>
      <c r="B72" s="251"/>
      <c r="C72" s="251"/>
      <c r="D72" s="251"/>
      <c r="E72" s="401"/>
      <c r="F72" s="251"/>
      <c r="G72" s="401"/>
      <c r="J72" s="251"/>
    </row>
    <row r="73" spans="1:10" s="395" customFormat="1" x14ac:dyDescent="0.15">
      <c r="A73" s="251"/>
      <c r="B73" s="251"/>
      <c r="C73" s="251"/>
      <c r="D73" s="251"/>
      <c r="E73" s="401"/>
      <c r="F73" s="251"/>
      <c r="G73" s="401"/>
      <c r="J73" s="251"/>
    </row>
    <row r="74" spans="1:10" s="395" customFormat="1" x14ac:dyDescent="0.15">
      <c r="A74" s="251"/>
      <c r="B74" s="251"/>
      <c r="C74" s="251"/>
      <c r="D74" s="251"/>
      <c r="E74" s="401"/>
      <c r="F74" s="251"/>
      <c r="G74" s="401"/>
      <c r="J74" s="251"/>
    </row>
    <row r="75" spans="1:10" s="395" customFormat="1" x14ac:dyDescent="0.15">
      <c r="A75" s="251"/>
      <c r="B75" s="251"/>
      <c r="C75" s="251"/>
      <c r="D75" s="251"/>
      <c r="E75" s="401"/>
      <c r="F75" s="251"/>
      <c r="G75" s="401"/>
      <c r="J75" s="251"/>
    </row>
    <row r="76" spans="1:10" s="395" customFormat="1" x14ac:dyDescent="0.15">
      <c r="A76" s="251"/>
      <c r="B76" s="251"/>
      <c r="C76" s="251"/>
      <c r="D76" s="251"/>
      <c r="E76" s="401"/>
      <c r="F76" s="251"/>
      <c r="G76" s="401"/>
      <c r="J76" s="251"/>
    </row>
    <row r="77" spans="1:10" s="395" customFormat="1" x14ac:dyDescent="0.15">
      <c r="A77" s="251"/>
      <c r="B77" s="251"/>
      <c r="C77" s="251"/>
      <c r="D77" s="251"/>
      <c r="E77" s="401"/>
      <c r="F77" s="251"/>
      <c r="G77" s="401"/>
      <c r="J77" s="251"/>
    </row>
    <row r="78" spans="1:10" s="395" customFormat="1" x14ac:dyDescent="0.15">
      <c r="A78" s="251"/>
      <c r="B78" s="251"/>
      <c r="C78" s="251"/>
      <c r="D78" s="251"/>
      <c r="E78" s="401"/>
      <c r="F78" s="251"/>
      <c r="G78" s="401"/>
      <c r="J78" s="251"/>
    </row>
    <row r="79" spans="1:10" s="395" customFormat="1" x14ac:dyDescent="0.15">
      <c r="A79" s="251"/>
      <c r="B79" s="251"/>
      <c r="C79" s="251"/>
      <c r="D79" s="251"/>
      <c r="E79" s="401"/>
      <c r="F79" s="251"/>
      <c r="G79" s="401"/>
      <c r="J79" s="251"/>
    </row>
    <row r="80" spans="1:10" s="395" customFormat="1" x14ac:dyDescent="0.15">
      <c r="A80" s="251"/>
      <c r="B80" s="251"/>
      <c r="C80" s="251"/>
      <c r="D80" s="251"/>
      <c r="E80" s="401"/>
      <c r="F80" s="251"/>
      <c r="G80" s="401"/>
      <c r="J80" s="251"/>
    </row>
    <row r="81" spans="1:7" s="395" customFormat="1" x14ac:dyDescent="0.15">
      <c r="A81" s="251"/>
      <c r="B81" s="251"/>
      <c r="C81" s="251"/>
      <c r="D81" s="251"/>
      <c r="E81" s="401"/>
      <c r="F81" s="251"/>
      <c r="G81" s="401"/>
    </row>
    <row r="82" spans="1:7" s="395" customFormat="1" x14ac:dyDescent="0.15">
      <c r="A82" s="251"/>
      <c r="B82" s="251"/>
      <c r="C82" s="251"/>
      <c r="D82" s="251"/>
      <c r="E82" s="401"/>
      <c r="F82" s="251"/>
      <c r="G82" s="401"/>
    </row>
    <row r="83" spans="1:7" s="395" customFormat="1" x14ac:dyDescent="0.15">
      <c r="A83" s="251"/>
      <c r="B83" s="251"/>
      <c r="C83" s="251"/>
      <c r="D83" s="251"/>
      <c r="E83" s="401"/>
      <c r="F83" s="251"/>
      <c r="G83" s="401"/>
    </row>
    <row r="84" spans="1:7" s="395" customFormat="1" x14ac:dyDescent="0.15">
      <c r="A84" s="251"/>
      <c r="B84" s="251"/>
      <c r="C84" s="251"/>
      <c r="D84" s="251"/>
      <c r="E84" s="401"/>
      <c r="F84" s="251"/>
      <c r="G84" s="401"/>
    </row>
    <row r="85" spans="1:7" s="395" customFormat="1" x14ac:dyDescent="0.15">
      <c r="A85" s="251"/>
      <c r="B85" s="251"/>
      <c r="C85" s="251"/>
      <c r="D85" s="251"/>
      <c r="E85" s="401"/>
      <c r="F85" s="251"/>
      <c r="G85" s="401"/>
    </row>
    <row r="86" spans="1:7" s="395" customFormat="1" x14ac:dyDescent="0.15">
      <c r="A86" s="251"/>
      <c r="B86" s="251"/>
      <c r="C86" s="251"/>
      <c r="D86" s="251"/>
      <c r="E86" s="401"/>
      <c r="F86" s="251"/>
      <c r="G86" s="401"/>
    </row>
    <row r="87" spans="1:7" s="395" customFormat="1" x14ac:dyDescent="0.15">
      <c r="A87" s="251"/>
      <c r="B87" s="251"/>
      <c r="C87" s="251"/>
      <c r="D87" s="251"/>
      <c r="E87" s="401"/>
      <c r="F87" s="251"/>
      <c r="G87" s="401"/>
    </row>
    <row r="88" spans="1:7" s="395" customFormat="1" x14ac:dyDescent="0.15">
      <c r="A88" s="251"/>
      <c r="B88" s="251"/>
      <c r="C88" s="251"/>
      <c r="D88" s="251"/>
      <c r="E88" s="401"/>
      <c r="F88" s="251"/>
      <c r="G88" s="401"/>
    </row>
    <row r="89" spans="1:7" s="395" customFormat="1" x14ac:dyDescent="0.15">
      <c r="A89" s="251"/>
      <c r="B89" s="251"/>
      <c r="C89" s="251"/>
      <c r="D89" s="251"/>
      <c r="E89" s="401"/>
      <c r="F89" s="251"/>
      <c r="G89" s="401"/>
    </row>
    <row r="90" spans="1:7" s="395" customFormat="1" x14ac:dyDescent="0.15">
      <c r="A90" s="251"/>
      <c r="B90" s="251"/>
      <c r="C90" s="251"/>
      <c r="D90" s="251"/>
      <c r="E90" s="401"/>
      <c r="F90" s="251"/>
      <c r="G90" s="401"/>
    </row>
    <row r="91" spans="1:7" s="395" customFormat="1" x14ac:dyDescent="0.15">
      <c r="A91" s="251"/>
      <c r="B91" s="251"/>
      <c r="C91" s="251"/>
      <c r="D91" s="251"/>
      <c r="E91" s="401"/>
      <c r="F91" s="251"/>
      <c r="G91" s="401"/>
    </row>
    <row r="92" spans="1:7" s="395" customFormat="1" x14ac:dyDescent="0.15">
      <c r="A92" s="251"/>
      <c r="B92" s="251"/>
      <c r="C92" s="251"/>
      <c r="D92" s="251"/>
      <c r="E92" s="401"/>
      <c r="F92" s="251"/>
      <c r="G92" s="401"/>
    </row>
    <row r="93" spans="1:7" s="395" customFormat="1" x14ac:dyDescent="0.15">
      <c r="A93" s="251"/>
      <c r="B93" s="251"/>
      <c r="C93" s="251"/>
      <c r="D93" s="251"/>
      <c r="E93" s="401"/>
      <c r="F93" s="251"/>
      <c r="G93" s="401"/>
    </row>
    <row r="94" spans="1:7" s="395" customFormat="1" x14ac:dyDescent="0.15">
      <c r="A94" s="251"/>
      <c r="B94" s="251"/>
      <c r="C94" s="251"/>
      <c r="D94" s="251"/>
      <c r="E94" s="401"/>
      <c r="F94" s="251"/>
      <c r="G94" s="401"/>
    </row>
    <row r="95" spans="1:7" s="395" customFormat="1" x14ac:dyDescent="0.15">
      <c r="A95" s="251"/>
      <c r="B95" s="251"/>
      <c r="C95" s="251"/>
      <c r="D95" s="251"/>
      <c r="E95" s="401"/>
      <c r="F95" s="251"/>
      <c r="G95" s="401"/>
    </row>
    <row r="96" spans="1:7" s="395" customFormat="1" x14ac:dyDescent="0.15">
      <c r="A96" s="251"/>
      <c r="B96" s="251"/>
      <c r="C96" s="251"/>
      <c r="D96" s="251"/>
      <c r="E96" s="401"/>
      <c r="F96" s="251"/>
      <c r="G96" s="401"/>
    </row>
    <row r="97" spans="1:7" s="395" customFormat="1" x14ac:dyDescent="0.15">
      <c r="A97" s="251"/>
      <c r="B97" s="251"/>
      <c r="C97" s="251"/>
      <c r="D97" s="251"/>
      <c r="E97" s="401"/>
      <c r="F97" s="251"/>
      <c r="G97" s="401"/>
    </row>
    <row r="98" spans="1:7" s="395" customFormat="1" x14ac:dyDescent="0.15">
      <c r="A98" s="251"/>
      <c r="B98" s="251"/>
      <c r="C98" s="251"/>
      <c r="D98" s="251"/>
      <c r="E98" s="401"/>
      <c r="F98" s="251"/>
      <c r="G98" s="401"/>
    </row>
    <row r="99" spans="1:7" s="395" customFormat="1" x14ac:dyDescent="0.15">
      <c r="A99" s="251"/>
      <c r="B99" s="251"/>
      <c r="C99" s="251"/>
      <c r="D99" s="251"/>
      <c r="E99" s="401"/>
      <c r="F99" s="251"/>
      <c r="G99" s="401"/>
    </row>
    <row r="100" spans="1:7" s="395" customFormat="1" x14ac:dyDescent="0.15">
      <c r="A100" s="251"/>
      <c r="B100" s="251"/>
      <c r="C100" s="251"/>
      <c r="D100" s="251"/>
      <c r="E100" s="401"/>
      <c r="F100" s="251"/>
      <c r="G100" s="401"/>
    </row>
    <row r="101" spans="1:7" s="395" customFormat="1" x14ac:dyDescent="0.15"/>
    <row r="102" spans="1:7" s="395" customFormat="1" x14ac:dyDescent="0.15"/>
  </sheetData>
  <mergeCells count="13">
    <mergeCell ref="S5:T5"/>
    <mergeCell ref="U5:V5"/>
    <mergeCell ref="C3:J3"/>
    <mergeCell ref="A46:B46"/>
    <mergeCell ref="A47:B47"/>
    <mergeCell ref="A48:B48"/>
    <mergeCell ref="A1:N1"/>
    <mergeCell ref="S3:W4"/>
    <mergeCell ref="A3:B6"/>
    <mergeCell ref="O3:R4"/>
    <mergeCell ref="K3:N4"/>
    <mergeCell ref="G4:J4"/>
    <mergeCell ref="C4:F4"/>
  </mergeCells>
  <phoneticPr fontId="3"/>
  <printOptions verticalCentered="1"/>
  <pageMargins left="0.6692913385826772" right="0" top="0.27559055118110237" bottom="0.27559055118110237" header="0.31496062992125984" footer="0.31496062992125984"/>
  <pageSetup paperSize="9" scale="90" orientation="landscape" blackAndWhite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6</vt:i4>
      </vt:variant>
    </vt:vector>
  </HeadingPairs>
  <TitlesOfParts>
    <vt:vector size="12" baseType="lpstr">
      <vt:lpstr>給付 (1)～(4)</vt:lpstr>
      <vt:lpstr>給付（５）</vt:lpstr>
      <vt:lpstr>給付（６）</vt:lpstr>
      <vt:lpstr>給付（７）</vt:lpstr>
      <vt:lpstr>給付（８）</vt:lpstr>
      <vt:lpstr>給付（９）</vt:lpstr>
      <vt:lpstr>'給付 (1)～(4)'!Print_Area</vt:lpstr>
      <vt:lpstr>'給付（５）'!Print_Area</vt:lpstr>
      <vt:lpstr>'給付（６）'!Print_Area</vt:lpstr>
      <vt:lpstr>'給付（７）'!Print_Area</vt:lpstr>
      <vt:lpstr>'給付（８）'!Print_Area</vt:lpstr>
      <vt:lpstr>'給付（９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7-21T05:24:20Z</cp:lastPrinted>
  <dcterms:created xsi:type="dcterms:W3CDTF">2022-07-21T04:50:17Z</dcterms:created>
  <dcterms:modified xsi:type="dcterms:W3CDTF">2022-07-21T05:36:33Z</dcterms:modified>
</cp:coreProperties>
</file>